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xlsx" ContentType="application/vnd.openxmlformats-officedocument.spreadsheetml.sheet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theme/theme2.xml" ContentType="application/vnd.openxmlformats-officedocument.theme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3.xml" ContentType="application/vnd.openxmlformats-officedocument.theme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theme/theme4.xml" ContentType="application/vnd.openxmlformats-officedocument.theme+xml"/>
  <Override PartName="/ppt/theme/theme5.xml" ContentType="application/vnd.openxmlformats-officedocument.theme+xml"/>
  <Override PartName="/ppt/theme/theme6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theme/themeOverride1.xml" ContentType="application/vnd.openxmlformats-officedocument.themeOverride+xml"/>
  <Override PartName="/ppt/notesSlides/notesSlide3.xml" ContentType="application/vnd.openxmlformats-officedocument.presentationml.notesSlide+xml"/>
  <Override PartName="/ppt/charts/chart2.xml" ContentType="application/vnd.openxmlformats-officedocument.drawingml.chart+xml"/>
  <Override PartName="/ppt/theme/themeOverride2.xml" ContentType="application/vnd.openxmlformats-officedocument.themeOverr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charts/chart3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theme/themeOverride3.xml" ContentType="application/vnd.openxmlformats-officedocument.themeOverr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charts/chart4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theme/themeOverride4.xml" ContentType="application/vnd.openxmlformats-officedocument.themeOverr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charts/chart5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theme/themeOverride5.xml" ContentType="application/vnd.openxmlformats-officedocument.themeOverride+xml"/>
  <Override PartName="/ppt/notesSlides/notesSlide10.xml" ContentType="application/vnd.openxmlformats-officedocument.presentationml.notesSlide+xml"/>
  <Override PartName="/ppt/charts/chart6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charts/chart7.xml" ContentType="application/vnd.openxmlformats-officedocument.drawingml.chart+xml"/>
  <Override PartName="/ppt/charts/style6.xml" ContentType="application/vnd.ms-office.chartstyle+xml"/>
  <Override PartName="/ppt/charts/colors6.xml" ContentType="application/vnd.ms-office.chartcolorstyle+xml"/>
  <Override PartName="/ppt/charts/chart8.xml" ContentType="application/vnd.openxmlformats-officedocument.drawingml.chart+xml"/>
  <Override PartName="/ppt/charts/style7.xml" ContentType="application/vnd.ms-office.chartstyle+xml"/>
  <Override PartName="/ppt/charts/colors7.xml" ContentType="application/vnd.ms-office.chartcolorstyle+xml"/>
  <Override PartName="/ppt/charts/chart9.xml" ContentType="application/vnd.openxmlformats-officedocument.drawingml.chart+xml"/>
  <Override PartName="/ppt/charts/style8.xml" ContentType="application/vnd.ms-office.chartstyle+xml"/>
  <Override PartName="/ppt/charts/colors8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815" r:id="rId1"/>
    <p:sldMasterId id="2147483832" r:id="rId2"/>
    <p:sldMasterId id="2147483838" r:id="rId3"/>
    <p:sldMasterId id="2147483842" r:id="rId4"/>
  </p:sldMasterIdLst>
  <p:notesMasterIdLst>
    <p:notesMasterId r:id="rId27"/>
  </p:notesMasterIdLst>
  <p:handoutMasterIdLst>
    <p:handoutMasterId r:id="rId28"/>
  </p:handoutMasterIdLst>
  <p:sldIdLst>
    <p:sldId id="653" r:id="rId5"/>
    <p:sldId id="655" r:id="rId6"/>
    <p:sldId id="656" r:id="rId7"/>
    <p:sldId id="657" r:id="rId8"/>
    <p:sldId id="658" r:id="rId9"/>
    <p:sldId id="659" r:id="rId10"/>
    <p:sldId id="660" r:id="rId11"/>
    <p:sldId id="670" r:id="rId12"/>
    <p:sldId id="662" r:id="rId13"/>
    <p:sldId id="663" r:id="rId14"/>
    <p:sldId id="664" r:id="rId15"/>
    <p:sldId id="665" r:id="rId16"/>
    <p:sldId id="666" r:id="rId17"/>
    <p:sldId id="667" r:id="rId18"/>
    <p:sldId id="668" r:id="rId19"/>
    <p:sldId id="669" r:id="rId20"/>
    <p:sldId id="654" r:id="rId21"/>
    <p:sldId id="641" r:id="rId22"/>
    <p:sldId id="652" r:id="rId23"/>
    <p:sldId id="647" r:id="rId24"/>
    <p:sldId id="649" r:id="rId25"/>
    <p:sldId id="651" r:id="rId26"/>
  </p:sldIdLst>
  <p:sldSz cx="9144000" cy="5143500" type="screen16x9"/>
  <p:notesSz cx="6797675" cy="9872663"/>
  <p:defaultTextStyle>
    <a:defPPr>
      <a:defRPr lang="de-DE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162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B2C8E0"/>
    <a:srgbClr val="595959"/>
    <a:srgbClr val="004F9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ittlere Formatvorlage 2 - Akz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Keine Formatvorlage, kein Raster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3C2FFA5D-87B4-456A-9821-1D502468CF0F}" styleName="Designformatvorlage 1 - Akz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284E427A-3D55-4303-BF80-6455036E1DE7}" styleName="Designformatvorlage 1 - Akzent 2">
    <a:tblBg>
      <a:fillRef idx="2">
        <a:schemeClr val="accent2"/>
      </a:fillRef>
      <a:effectRef idx="1">
        <a:schemeClr val="accent2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Ref idx="1">
              <a:schemeClr val="accent2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  <a:fill>
          <a:solidFill>
            <a:schemeClr val="accent2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2"/>
            </a:lnRef>
          </a:left>
          <a:right>
            <a:lnRef idx="2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2">
              <a:schemeClr val="accent2"/>
            </a:lnRef>
          </a:top>
          <a:bottom>
            <a:lnRef idx="2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2"/>
          </a:solidFill>
        </a:fill>
      </a:tcStyle>
    </a:firstRow>
  </a:tblStyle>
  <a:tblStyle styleId="{69C7853C-536D-4A76-A0AE-DD22124D55A5}" styleName="Designformatvorlage 1 - Akzent 3">
    <a:tblBg>
      <a:fillRef idx="2">
        <a:schemeClr val="accent3"/>
      </a:fillRef>
      <a:effectRef idx="1">
        <a:schemeClr val="accent3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  <a:insideH>
            <a:lnRef idx="1">
              <a:schemeClr val="accent3"/>
            </a:lnRef>
          </a:insideH>
          <a:insideV>
            <a:lnRef idx="1">
              <a:schemeClr val="accent3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</a:tcBdr>
        <a:fill>
          <a:solidFill>
            <a:schemeClr val="accent3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3"/>
            </a:lnRef>
          </a:left>
          <a:right>
            <a:lnRef idx="1">
              <a:schemeClr val="accent3"/>
            </a:lnRef>
          </a:right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  <a:insideH>
            <a:lnRef idx="1">
              <a:schemeClr val="accent3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3"/>
            </a:lnRef>
          </a:left>
          <a:right>
            <a:lnRef idx="2">
              <a:schemeClr val="accent3"/>
            </a:lnRef>
          </a:right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  <a:insideH>
            <a:lnRef idx="1">
              <a:schemeClr val="accent3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  <a:top>
            <a:lnRef idx="2">
              <a:schemeClr val="accent3"/>
            </a:lnRef>
          </a:top>
          <a:bottom>
            <a:lnRef idx="2">
              <a:schemeClr val="accent3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  <a:top>
            <a:lnRef idx="1">
              <a:schemeClr val="accent3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3"/>
          </a:solidFill>
        </a:fill>
      </a:tcStyle>
    </a:firstRow>
  </a:tblStyle>
  <a:tblStyle styleId="{775DCB02-9BB8-47FD-8907-85C794F793BA}" styleName="Designformatvorlage 1 - Akzent 4">
    <a:tblBg>
      <a:fillRef idx="2">
        <a:schemeClr val="accent4"/>
      </a:fillRef>
      <a:effectRef idx="1">
        <a:schemeClr val="accent4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Ref idx="1">
              <a:schemeClr val="accent4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  <a:fill>
          <a:solidFill>
            <a:schemeClr val="accent4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4"/>
            </a:lnRef>
          </a:left>
          <a:right>
            <a:lnRef idx="2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2">
              <a:schemeClr val="accent4"/>
            </a:lnRef>
          </a:top>
          <a:bottom>
            <a:lnRef idx="2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4"/>
          </a:solidFill>
        </a:fill>
      </a:tcStyle>
    </a:firstRow>
  </a:tblStyle>
  <a:tblStyle styleId="{35758FB7-9AC5-4552-8A53-C91805E547FA}" styleName="Designformatvorlage 1 - Akzent 5">
    <a:tblBg>
      <a:fillRef idx="2">
        <a:schemeClr val="accent5"/>
      </a:fillRef>
      <a:effectRef idx="1">
        <a:schemeClr val="accent5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Ref idx="1">
              <a:schemeClr val="accent5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</a:tcBdr>
        <a:fill>
          <a:solidFill>
            <a:schemeClr val="accent5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5"/>
            </a:lnRef>
          </a:left>
          <a:right>
            <a:lnRef idx="2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2">
              <a:schemeClr val="accent5"/>
            </a:lnRef>
          </a:top>
          <a:bottom>
            <a:lnRef idx="2">
              <a:schemeClr val="accent5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5"/>
          </a:solidFill>
        </a:fill>
      </a:tcStyle>
    </a:firstRow>
  </a:tblStyle>
  <a:tblStyle styleId="{08FB837D-C827-4EFA-A057-4D05807E0F7C}" styleName="Designformatvorlage 1 - Akzent 6">
    <a:tblBg>
      <a:fillRef idx="2">
        <a:schemeClr val="accent6"/>
      </a:fillRef>
      <a:effectRef idx="1">
        <a:schemeClr val="accent6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Ref idx="1">
              <a:schemeClr val="accent6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</a:tcBdr>
        <a:fill>
          <a:solidFill>
            <a:schemeClr val="accent6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6"/>
            </a:lnRef>
          </a:left>
          <a:right>
            <a:lnRef idx="2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2">
              <a:schemeClr val="accent6"/>
            </a:lnRef>
          </a:top>
          <a:bottom>
            <a:lnRef idx="2">
              <a:schemeClr val="accent6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6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5620" autoAdjust="0"/>
    <p:restoredTop sz="91047" autoAdjust="0"/>
  </p:normalViewPr>
  <p:slideViewPr>
    <p:cSldViewPr>
      <p:cViewPr varScale="1">
        <p:scale>
          <a:sx n="141" d="100"/>
          <a:sy n="141" d="100"/>
        </p:scale>
        <p:origin x="666" y="114"/>
      </p:cViewPr>
      <p:guideLst>
        <p:guide orient="horz" pos="1620"/>
        <p:guide pos="2880"/>
      </p:guideLst>
    </p:cSldViewPr>
  </p:slideViewPr>
  <p:outlineViewPr>
    <p:cViewPr>
      <p:scale>
        <a:sx n="33" d="100"/>
        <a:sy n="33" d="100"/>
      </p:scale>
      <p:origin x="0" y="-5736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40" d="100"/>
        <a:sy n="140" d="100"/>
      </p:scale>
      <p:origin x="0" y="0"/>
    </p:cViewPr>
  </p:sorterViewPr>
  <p:notesViewPr>
    <p:cSldViewPr>
      <p:cViewPr varScale="1">
        <p:scale>
          <a:sx n="49" d="100"/>
          <a:sy n="49" d="100"/>
        </p:scale>
        <p:origin x="2430" y="42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" Type="http://schemas.openxmlformats.org/officeDocument/2006/relationships/slideMaster" Target="slideMasters/slideMaster3.xml"/><Relationship Id="rId21" Type="http://schemas.openxmlformats.org/officeDocument/2006/relationships/slide" Target="slides/slide17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tableStyles" Target="tableStyle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handoutMaster" Target="handoutMasters/handoutMaster1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theme" Target="theme/theme1.xml"/><Relationship Id="rId4" Type="http://schemas.openxmlformats.org/officeDocument/2006/relationships/slideMaster" Target="slideMasters/slideMaster4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notesMaster" Target="notesMasters/notesMaster1.xml"/><Relationship Id="rId30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oleObject" Target="file:///\\s4000004\s\Kommunikation\PowerPoint\daten\basisdaten.xlsx" TargetMode="External"/></Relationships>
</file>

<file path=ppt/charts/_rels/chart2.xml.rels><?xml version="1.0" encoding="UTF-8" standalone="yes"?>
<Relationships xmlns="http://schemas.openxmlformats.org/package/2006/relationships"><Relationship Id="rId2" Type="http://schemas.openxmlformats.org/officeDocument/2006/relationships/oleObject" Target="file:///M:\Kommunikation\PowerPoint\daten\basisdaten.xlsx" TargetMode="External"/><Relationship Id="rId1" Type="http://schemas.openxmlformats.org/officeDocument/2006/relationships/themeOverride" Target="../theme/themeOverrid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3.xml"/><Relationship Id="rId2" Type="http://schemas.microsoft.com/office/2011/relationships/chartColorStyle" Target="colors2.xml"/><Relationship Id="rId1" Type="http://schemas.microsoft.com/office/2011/relationships/chartStyle" Target="style2.xml"/><Relationship Id="rId4" Type="http://schemas.openxmlformats.org/officeDocument/2006/relationships/oleObject" Target="file:///M:\Kommunikation\PowerPoint\daten\basisdaten.xlsx" TargetMode="Externa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4.xml"/><Relationship Id="rId2" Type="http://schemas.microsoft.com/office/2011/relationships/chartColorStyle" Target="colors3.xml"/><Relationship Id="rId1" Type="http://schemas.microsoft.com/office/2011/relationships/chartStyle" Target="style3.xml"/><Relationship Id="rId4" Type="http://schemas.openxmlformats.org/officeDocument/2006/relationships/oleObject" Target="file:///M:\Kommunikation\PowerPoint\daten\demografie.xlsx" TargetMode="Externa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5.xml"/><Relationship Id="rId2" Type="http://schemas.microsoft.com/office/2011/relationships/chartColorStyle" Target="colors4.xml"/><Relationship Id="rId1" Type="http://schemas.microsoft.com/office/2011/relationships/chartStyle" Target="style4.xml"/><Relationship Id="rId4" Type="http://schemas.openxmlformats.org/officeDocument/2006/relationships/oleObject" Target="file:///M:\Kommunikation\PowerPoint\daten\demografie.xlsx" TargetMode="External"/></Relationships>
</file>

<file path=ppt/charts/_rels/chart6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-Arbeitsblatt.xlsx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_rels/chart7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-Arbeitsblatt1.xlsx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ppt/charts/_rels/chart8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-Arbeitsblatt2.xlsx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ppt/charts/_rels/chart9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-Arbeitsblatt3.xlsx"/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T_Besch!$B$1</c:f>
              <c:strCache>
                <c:ptCount val="1"/>
                <c:pt idx="0">
                  <c:v>Beschäftigte</c:v>
                </c:pt>
              </c:strCache>
            </c:strRef>
          </c:tx>
          <c:spPr>
            <a:solidFill>
              <a:srgbClr val="5B9BD5"/>
            </a:solidFill>
            <a:ln>
              <a:noFill/>
            </a:ln>
            <a:effectLst/>
          </c:spPr>
          <c:invertIfNegative val="0"/>
          <c:dPt>
            <c:idx val="1"/>
            <c:invertIfNegative val="0"/>
            <c:bubble3D val="0"/>
            <c:spPr>
              <a:solidFill>
                <a:srgbClr val="004F9F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C962-4DE6-B70E-B89A8AC746B4}"/>
              </c:ext>
            </c:extLst>
          </c:dPt>
          <c:dPt>
            <c:idx val="2"/>
            <c:invertIfNegative val="0"/>
            <c:bubble3D val="0"/>
            <c:spPr>
              <a:solidFill>
                <a:srgbClr val="004F9F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C962-4DE6-B70E-B89A8AC746B4}"/>
              </c:ext>
            </c:extLst>
          </c:dPt>
          <c:dPt>
            <c:idx val="12"/>
            <c:invertIfNegative val="0"/>
            <c:bubble3D val="0"/>
            <c:spPr>
              <a:solidFill>
                <a:srgbClr val="004F9F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C962-4DE6-B70E-B89A8AC746B4}"/>
              </c:ext>
            </c:extLst>
          </c:dPt>
          <c:dPt>
            <c:idx val="15"/>
            <c:invertIfNegative val="0"/>
            <c:bubble3D val="0"/>
            <c:spPr>
              <a:solidFill>
                <a:srgbClr val="004F9F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C962-4DE6-B70E-B89A8AC746B4}"/>
              </c:ext>
            </c:extLst>
          </c:dPt>
          <c:dPt>
            <c:idx val="16"/>
            <c:invertIfNegative val="0"/>
            <c:bubble3D val="0"/>
            <c:spPr>
              <a:pattFill prst="wdUpDiag">
                <a:fgClr>
                  <a:srgbClr val="5B9BD5"/>
                </a:fgClr>
                <a:bgClr>
                  <a:srgbClr val="FFFFFF"/>
                </a:bgClr>
              </a:patt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A-44EA-492F-9EA5-730342A64736}"/>
              </c:ext>
            </c:extLst>
          </c:dPt>
          <c:dPt>
            <c:idx val="17"/>
            <c:invertIfNegative val="0"/>
            <c:bubble3D val="0"/>
            <c:spPr>
              <a:pattFill prst="wdUpDiag">
                <a:fgClr>
                  <a:srgbClr val="5B9BD5"/>
                </a:fgClr>
                <a:bgClr>
                  <a:srgbClr val="FFFFFF"/>
                </a:bgClr>
              </a:patt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8-5A7C-40F9-B62D-F6609843C872}"/>
              </c:ext>
            </c:extLst>
          </c:dPt>
          <c:dLbls>
            <c:dLbl>
              <c:idx val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100" b="1" i="0" u="none" strike="noStrike" kern="1200" baseline="0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de-DE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8-AFFC-44AC-8470-AE8B5C6B26AE}"/>
                </c:ext>
              </c:extLst>
            </c:dLbl>
            <c:dLbl>
              <c:idx val="15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100" b="1" i="0" u="none" strike="noStrike" kern="1200" baseline="0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de-DE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7-C962-4DE6-B70E-B89A8AC746B4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de-DE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T_Besch!$A$2:$A$19</c:f>
              <c:strCache>
                <c:ptCount val="17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  <c:pt idx="5">
                  <c:v>2013</c:v>
                </c:pt>
                <c:pt idx="6">
                  <c:v>2014</c:v>
                </c:pt>
                <c:pt idx="7">
                  <c:v>2015</c:v>
                </c:pt>
                <c:pt idx="8">
                  <c:v>2016</c:v>
                </c:pt>
                <c:pt idx="9">
                  <c:v>2017</c:v>
                </c:pt>
                <c:pt idx="10">
                  <c:v>2018</c:v>
                </c:pt>
                <c:pt idx="11">
                  <c:v>2019</c:v>
                </c:pt>
                <c:pt idx="12">
                  <c:v>2020</c:v>
                </c:pt>
                <c:pt idx="13">
                  <c:v>2021</c:v>
                </c:pt>
                <c:pt idx="14">
                  <c:v>2022</c:v>
                </c:pt>
                <c:pt idx="15">
                  <c:v>2023</c:v>
                </c:pt>
                <c:pt idx="16">
                  <c:v>Apr 24</c:v>
                </c:pt>
              </c:strCache>
            </c:strRef>
          </c:cat>
          <c:val>
            <c:numRef>
              <c:f>T_Besch!$B$2:$B$19</c:f>
              <c:numCache>
                <c:formatCode>#,##0</c:formatCode>
                <c:ptCount val="18"/>
                <c:pt idx="0">
                  <c:v>601189.75</c:v>
                </c:pt>
                <c:pt idx="1">
                  <c:v>590852.33333333302</c:v>
                </c:pt>
                <c:pt idx="2">
                  <c:v>594993</c:v>
                </c:pt>
                <c:pt idx="3">
                  <c:v>608139.33333333302</c:v>
                </c:pt>
                <c:pt idx="4">
                  <c:v>616025.91666666698</c:v>
                </c:pt>
                <c:pt idx="5">
                  <c:v>619720.83333333302</c:v>
                </c:pt>
                <c:pt idx="6">
                  <c:v>623060.91666666698</c:v>
                </c:pt>
                <c:pt idx="7">
                  <c:v>629128.66666666698</c:v>
                </c:pt>
                <c:pt idx="8">
                  <c:v>638785.25</c:v>
                </c:pt>
                <c:pt idx="9">
                  <c:v>650116.75</c:v>
                </c:pt>
                <c:pt idx="10">
                  <c:v>665695.5</c:v>
                </c:pt>
                <c:pt idx="11">
                  <c:v>675413.75</c:v>
                </c:pt>
                <c:pt idx="12">
                  <c:v>665689.16666666698</c:v>
                </c:pt>
                <c:pt idx="13">
                  <c:v>680165.41666666698</c:v>
                </c:pt>
                <c:pt idx="14">
                  <c:v>694596</c:v>
                </c:pt>
                <c:pt idx="15">
                  <c:v>699662</c:v>
                </c:pt>
                <c:pt idx="16">
                  <c:v>6940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6-C962-4DE6-B70E-B89A8AC746B4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50"/>
        <c:overlap val="-27"/>
        <c:axId val="615137312"/>
        <c:axId val="615134360"/>
      </c:barChart>
      <c:catAx>
        <c:axId val="6151373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615134360"/>
        <c:crosses val="autoZero"/>
        <c:auto val="1"/>
        <c:lblAlgn val="ctr"/>
        <c:lblOffset val="100"/>
        <c:noMultiLvlLbl val="0"/>
      </c:catAx>
      <c:valAx>
        <c:axId val="615134360"/>
        <c:scaling>
          <c:orientation val="minMax"/>
        </c:scaling>
        <c:delete val="1"/>
        <c:axPos val="l"/>
        <c:numFmt formatCode="#,##0" sourceLinked="1"/>
        <c:majorTickMark val="none"/>
        <c:minorTickMark val="none"/>
        <c:tickLblPos val="nextTo"/>
        <c:crossAx val="61513731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de-DE"/>
    </a:p>
  </c:txPr>
  <c:externalData r:id="rId4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1.3641654925047842E-2"/>
          <c:y val="0.14149224340720729"/>
          <c:w val="0.96998782111366455"/>
          <c:h val="0.7804683376732261"/>
        </c:manualLayout>
      </c:layout>
      <c:barChart>
        <c:barDir val="col"/>
        <c:grouping val="clustered"/>
        <c:varyColors val="0"/>
        <c:ser>
          <c:idx val="0"/>
          <c:order val="0"/>
          <c:spPr>
            <a:solidFill>
              <a:srgbClr val="E4002D"/>
            </a:solidFill>
            <a:ln>
              <a:noFill/>
            </a:ln>
          </c:spPr>
          <c:invertIfNegative val="0"/>
          <c:dPt>
            <c:idx val="1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0-933F-4638-96AC-E6E75792EF14}"/>
              </c:ext>
            </c:extLst>
          </c:dPt>
          <c:dPt>
            <c:idx val="3"/>
            <c:invertIfNegative val="0"/>
            <c:bubble3D val="0"/>
            <c:spPr>
              <a:solidFill>
                <a:srgbClr val="860000"/>
              </a:solidFill>
              <a:ln>
                <a:noFill/>
              </a:ln>
            </c:spPr>
            <c:extLst>
              <c:ext xmlns:c16="http://schemas.microsoft.com/office/drawing/2014/chart" uri="{C3380CC4-5D6E-409C-BE32-E72D297353CC}">
                <c16:uniqueId val="{00000001-933F-4638-96AC-E6E75792EF14}"/>
              </c:ext>
            </c:extLst>
          </c:dPt>
          <c:dPt>
            <c:idx val="4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2-933F-4638-96AC-E6E75792EF14}"/>
              </c:ext>
            </c:extLst>
          </c:dPt>
          <c:dPt>
            <c:idx val="6"/>
            <c:invertIfNegative val="0"/>
            <c:bubble3D val="0"/>
            <c:extLst>
              <c:ext xmlns:c16="http://schemas.microsoft.com/office/drawing/2014/chart" uri="{C3380CC4-5D6E-409C-BE32-E72D297353CC}">
                <c16:uniqueId val="{00000003-933F-4638-96AC-E6E75792EF14}"/>
              </c:ext>
            </c:extLst>
          </c:dPt>
          <c:dPt>
            <c:idx val="9"/>
            <c:invertIfNegative val="0"/>
            <c:bubble3D val="0"/>
            <c:spPr>
              <a:pattFill prst="wdUpDiag">
                <a:fgClr>
                  <a:srgbClr val="E4002D"/>
                </a:fgClr>
                <a:bgClr>
                  <a:srgbClr val="DDE0E6"/>
                </a:bgClr>
              </a:pattFill>
              <a:ln>
                <a:noFill/>
              </a:ln>
            </c:spPr>
            <c:extLst>
              <c:ext xmlns:c16="http://schemas.microsoft.com/office/drawing/2014/chart" uri="{C3380CC4-5D6E-409C-BE32-E72D297353CC}">
                <c16:uniqueId val="{00000005-933F-4638-96AC-E6E75792EF14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1800">
                    <a:solidFill>
                      <a:schemeClr val="tx1"/>
                    </a:solidFill>
                  </a:defRPr>
                </a:pPr>
                <a:endParaRPr lang="de-DE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T_Quoten_Öst!$A$2:$A$11</c:f>
              <c:strCache>
                <c:ptCount val="10"/>
                <c:pt idx="0">
                  <c:v>B</c:v>
                </c:pt>
                <c:pt idx="1">
                  <c:v>K</c:v>
                </c:pt>
                <c:pt idx="2">
                  <c:v>N</c:v>
                </c:pt>
                <c:pt idx="3">
                  <c:v>O</c:v>
                </c:pt>
                <c:pt idx="4">
                  <c:v>S</c:v>
                </c:pt>
                <c:pt idx="5">
                  <c:v>St</c:v>
                </c:pt>
                <c:pt idx="6">
                  <c:v>T</c:v>
                </c:pt>
                <c:pt idx="7">
                  <c:v>V</c:v>
                </c:pt>
                <c:pt idx="8">
                  <c:v>W</c:v>
                </c:pt>
                <c:pt idx="9">
                  <c:v>Öst.</c:v>
                </c:pt>
              </c:strCache>
            </c:strRef>
          </c:cat>
          <c:val>
            <c:numRef>
              <c:f>T_Quoten_Öst!$B$2:$B$11</c:f>
              <c:numCache>
                <c:formatCode>#,##0.0%</c:formatCode>
                <c:ptCount val="10"/>
                <c:pt idx="0">
                  <c:v>6.2E-2</c:v>
                </c:pt>
                <c:pt idx="1">
                  <c:v>7.0999999999999994E-2</c:v>
                </c:pt>
                <c:pt idx="2">
                  <c:v>5.8999999999999997E-2</c:v>
                </c:pt>
                <c:pt idx="3">
                  <c:v>4.2999999999999997E-2</c:v>
                </c:pt>
                <c:pt idx="4">
                  <c:v>4.9000000000000002E-2</c:v>
                </c:pt>
                <c:pt idx="5">
                  <c:v>5.7000000000000002E-2</c:v>
                </c:pt>
                <c:pt idx="6">
                  <c:v>5.6000000000000001E-2</c:v>
                </c:pt>
                <c:pt idx="7">
                  <c:v>0.06</c:v>
                </c:pt>
                <c:pt idx="8">
                  <c:v>0.11</c:v>
                </c:pt>
                <c:pt idx="9">
                  <c:v>6.8000000000000005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6-933F-4638-96AC-E6E75792EF14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50"/>
        <c:axId val="139016064"/>
        <c:axId val="139017600"/>
      </c:barChart>
      <c:catAx>
        <c:axId val="139016064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 w="25400">
            <a:solidFill>
              <a:srgbClr val="000000"/>
            </a:solidFill>
          </a:ln>
        </c:spPr>
        <c:txPr>
          <a:bodyPr anchor="t" anchorCtr="0"/>
          <a:lstStyle/>
          <a:p>
            <a:pPr>
              <a:defRPr sz="1400">
                <a:solidFill>
                  <a:schemeClr val="tx1"/>
                </a:solidFill>
              </a:defRPr>
            </a:pPr>
            <a:endParaRPr lang="de-DE"/>
          </a:p>
        </c:txPr>
        <c:crossAx val="139017600"/>
        <c:crosses val="autoZero"/>
        <c:auto val="1"/>
        <c:lblAlgn val="ctr"/>
        <c:lblOffset val="0"/>
        <c:noMultiLvlLbl val="0"/>
      </c:catAx>
      <c:valAx>
        <c:axId val="139017600"/>
        <c:scaling>
          <c:orientation val="minMax"/>
          <c:max val="0.12000000000000001"/>
          <c:min val="0"/>
        </c:scaling>
        <c:delete val="1"/>
        <c:axPos val="l"/>
        <c:numFmt formatCode="#,##0.0%" sourceLinked="1"/>
        <c:majorTickMark val="out"/>
        <c:minorTickMark val="none"/>
        <c:tickLblPos val="nextTo"/>
        <c:crossAx val="139016064"/>
        <c:crosses val="autoZero"/>
        <c:crossBetween val="between"/>
        <c:majorUnit val="2.0000000000000004E-2"/>
      </c:valAx>
    </c:plotArea>
    <c:plotVisOnly val="1"/>
    <c:dispBlanksAs val="gap"/>
    <c:showDLblsOverMax val="0"/>
  </c:chart>
  <c:spPr>
    <a:ln>
      <a:noFill/>
    </a:ln>
  </c:spPr>
  <c:externalData r:id="rId2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T_LZBL!$B$1</c:f>
              <c:strCache>
                <c:ptCount val="1"/>
                <c:pt idx="0">
                  <c:v>Langzeitbeschäftigungslose</c:v>
                </c:pt>
              </c:strCache>
            </c:strRef>
          </c:tx>
          <c:spPr>
            <a:ln w="63500" cap="rnd">
              <a:solidFill>
                <a:srgbClr val="C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rgbClr val="C00000"/>
              </a:solidFill>
              <a:ln w="88900">
                <a:solidFill>
                  <a:srgbClr val="C00000"/>
                </a:solidFill>
              </a:ln>
              <a:effectLst/>
            </c:spPr>
          </c:marker>
          <c:dLbls>
            <c:dLbl>
              <c:idx val="0"/>
              <c:layout/>
              <c:dLblPos val="t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10-9E63-40FA-8773-84DB4AC3919B}"/>
                </c:ext>
              </c:extLst>
            </c:dLbl>
            <c:dLbl>
              <c:idx val="8"/>
              <c:layout/>
              <c:dLblPos val="t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F-9E63-40FA-8773-84DB4AC3919B}"/>
                </c:ext>
              </c:extLst>
            </c:dLbl>
            <c:dLbl>
              <c:idx val="15"/>
              <c:layout/>
              <c:dLblPos val="t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1-AB6F-4C4E-87C8-E92787D38C0F}"/>
                </c:ext>
              </c:extLst>
            </c:dLbl>
            <c:dLbl>
              <c:idx val="16"/>
              <c:layout/>
              <c:dLblPos val="t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E-9E63-40FA-8773-84DB4AC3919B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1" i="0" u="none" strike="noStrike" kern="1200" baseline="0">
                    <a:solidFill>
                      <a:srgbClr val="C00000"/>
                    </a:solidFill>
                    <a:latin typeface="+mn-lt"/>
                    <a:ea typeface="+mn-ea"/>
                    <a:cs typeface="+mn-cs"/>
                  </a:defRPr>
                </a:pPr>
                <a:endParaRPr lang="de-DE"/>
              </a:p>
            </c:txPr>
            <c:dLblPos val="t"/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T_LZBL!$A$2:$A$18</c:f>
              <c:strCache>
                <c:ptCount val="17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  <c:pt idx="5">
                  <c:v>2013</c:v>
                </c:pt>
                <c:pt idx="6">
                  <c:v>2014</c:v>
                </c:pt>
                <c:pt idx="7">
                  <c:v>2015</c:v>
                </c:pt>
                <c:pt idx="8">
                  <c:v>2016</c:v>
                </c:pt>
                <c:pt idx="9">
                  <c:v>2017</c:v>
                </c:pt>
                <c:pt idx="10">
                  <c:v>2018</c:v>
                </c:pt>
                <c:pt idx="11">
                  <c:v>2019</c:v>
                </c:pt>
                <c:pt idx="12">
                  <c:v>2020</c:v>
                </c:pt>
                <c:pt idx="13">
                  <c:v>2021</c:v>
                </c:pt>
                <c:pt idx="14">
                  <c:v>2022</c:v>
                </c:pt>
                <c:pt idx="15">
                  <c:v>2023</c:v>
                </c:pt>
                <c:pt idx="16">
                  <c:v>Apr 24</c:v>
                </c:pt>
              </c:strCache>
            </c:strRef>
          </c:cat>
          <c:val>
            <c:numRef>
              <c:f>T_LZBL!$B$2:$B$18</c:f>
              <c:numCache>
                <c:formatCode>#,##0</c:formatCode>
                <c:ptCount val="17"/>
                <c:pt idx="0">
                  <c:v>1318.25</c:v>
                </c:pt>
                <c:pt idx="1">
                  <c:v>1865.0833333333301</c:v>
                </c:pt>
                <c:pt idx="2">
                  <c:v>3140.8333333333298</c:v>
                </c:pt>
                <c:pt idx="3">
                  <c:v>2875.4166666666702</c:v>
                </c:pt>
                <c:pt idx="4">
                  <c:v>3131.75</c:v>
                </c:pt>
                <c:pt idx="5">
                  <c:v>4305.8333333333303</c:v>
                </c:pt>
                <c:pt idx="6">
                  <c:v>7064.8333333333303</c:v>
                </c:pt>
                <c:pt idx="7">
                  <c:v>10151.666666666701</c:v>
                </c:pt>
                <c:pt idx="8">
                  <c:v>11632.5</c:v>
                </c:pt>
                <c:pt idx="9">
                  <c:v>11209.583333333299</c:v>
                </c:pt>
                <c:pt idx="10">
                  <c:v>9297.8333333333303</c:v>
                </c:pt>
                <c:pt idx="11">
                  <c:v>8208.75</c:v>
                </c:pt>
                <c:pt idx="12">
                  <c:v>10397.583333333299</c:v>
                </c:pt>
                <c:pt idx="13">
                  <c:v>11805</c:v>
                </c:pt>
                <c:pt idx="14">
                  <c:v>7621.5833333333303</c:v>
                </c:pt>
                <c:pt idx="15">
                  <c:v>6209</c:v>
                </c:pt>
                <c:pt idx="16">
                  <c:v>675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6597-43C9-9337-3B4B05FD2DAB}"/>
            </c:ext>
          </c:extLst>
        </c:ser>
        <c:ser>
          <c:idx val="1"/>
          <c:order val="1"/>
          <c:tx>
            <c:strRef>
              <c:f>T_LZBL!$C$1</c:f>
              <c:strCache>
                <c:ptCount val="1"/>
                <c:pt idx="0">
                  <c:v>Arbeitslose</c:v>
                </c:pt>
              </c:strCache>
            </c:strRef>
          </c:tx>
          <c:spPr>
            <a:ln w="63500" cap="rnd">
              <a:solidFill>
                <a:srgbClr val="FF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rgbClr val="FF0000"/>
              </a:solidFill>
              <a:ln w="88900">
                <a:solidFill>
                  <a:srgbClr val="FF0000"/>
                </a:solidFill>
              </a:ln>
              <a:effectLst/>
            </c:spPr>
          </c:marker>
          <c:dLbls>
            <c:dLbl>
              <c:idx val="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C-9E63-40FA-8773-84DB4AC3919B}"/>
                </c:ext>
              </c:extLst>
            </c:dLbl>
            <c:dLbl>
              <c:idx val="2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9E63-40FA-8773-84DB4AC3919B}"/>
                </c:ext>
              </c:extLst>
            </c:dLbl>
            <c:dLbl>
              <c:idx val="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9E63-40FA-8773-84DB4AC3919B}"/>
                </c:ext>
              </c:extLst>
            </c:dLbl>
            <c:dLbl>
              <c:idx val="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9E63-40FA-8773-84DB4AC3919B}"/>
                </c:ext>
              </c:extLst>
            </c:dLbl>
            <c:dLbl>
              <c:idx val="5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9E63-40FA-8773-84DB4AC3919B}"/>
                </c:ext>
              </c:extLst>
            </c:dLbl>
            <c:dLbl>
              <c:idx val="6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9E63-40FA-8773-84DB4AC3919B}"/>
                </c:ext>
              </c:extLst>
            </c:dLbl>
            <c:dLbl>
              <c:idx val="7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9E63-40FA-8773-84DB4AC3919B}"/>
                </c:ext>
              </c:extLst>
            </c:dLbl>
            <c:dLbl>
              <c:idx val="9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9E63-40FA-8773-84DB4AC3919B}"/>
                </c:ext>
              </c:extLst>
            </c:dLbl>
            <c:dLbl>
              <c:idx val="1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9E63-40FA-8773-84DB4AC3919B}"/>
                </c:ext>
              </c:extLst>
            </c:dLbl>
            <c:dLbl>
              <c:idx val="1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9E63-40FA-8773-84DB4AC3919B}"/>
                </c:ext>
              </c:extLst>
            </c:dLbl>
            <c:dLbl>
              <c:idx val="1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9E63-40FA-8773-84DB4AC3919B}"/>
                </c:ext>
              </c:extLst>
            </c:dLbl>
            <c:dLbl>
              <c:idx val="1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9E63-40FA-8773-84DB4AC3919B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1" i="0" u="none" strike="noStrike" kern="1200" baseline="0">
                    <a:solidFill>
                      <a:srgbClr val="FF0000"/>
                    </a:solidFill>
                    <a:latin typeface="+mn-lt"/>
                    <a:ea typeface="+mn-ea"/>
                    <a:cs typeface="+mn-cs"/>
                  </a:defRPr>
                </a:pPr>
                <a:endParaRPr lang="de-DE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T_LZBL!$A$2:$A$18</c:f>
              <c:strCache>
                <c:ptCount val="17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  <c:pt idx="5">
                  <c:v>2013</c:v>
                </c:pt>
                <c:pt idx="6">
                  <c:v>2014</c:v>
                </c:pt>
                <c:pt idx="7">
                  <c:v>2015</c:v>
                </c:pt>
                <c:pt idx="8">
                  <c:v>2016</c:v>
                </c:pt>
                <c:pt idx="9">
                  <c:v>2017</c:v>
                </c:pt>
                <c:pt idx="10">
                  <c:v>2018</c:v>
                </c:pt>
                <c:pt idx="11">
                  <c:v>2019</c:v>
                </c:pt>
                <c:pt idx="12">
                  <c:v>2020</c:v>
                </c:pt>
                <c:pt idx="13">
                  <c:v>2021</c:v>
                </c:pt>
                <c:pt idx="14">
                  <c:v>2022</c:v>
                </c:pt>
                <c:pt idx="15">
                  <c:v>2023</c:v>
                </c:pt>
                <c:pt idx="16">
                  <c:v>Apr 24</c:v>
                </c:pt>
              </c:strCache>
            </c:strRef>
          </c:cat>
          <c:val>
            <c:numRef>
              <c:f>T_LZBL!$C$2:$C$18</c:f>
              <c:numCache>
                <c:formatCode>#,##0</c:formatCode>
                <c:ptCount val="17"/>
                <c:pt idx="0">
                  <c:v>21653.666666666701</c:v>
                </c:pt>
                <c:pt idx="1">
                  <c:v>30888</c:v>
                </c:pt>
                <c:pt idx="2">
                  <c:v>29591.083333333299</c:v>
                </c:pt>
                <c:pt idx="3">
                  <c:v>26979.916666666701</c:v>
                </c:pt>
                <c:pt idx="4">
                  <c:v>28994.75</c:v>
                </c:pt>
                <c:pt idx="5">
                  <c:v>33270.25</c:v>
                </c:pt>
                <c:pt idx="6">
                  <c:v>37483.083333333299</c:v>
                </c:pt>
                <c:pt idx="7">
                  <c:v>41192.5</c:v>
                </c:pt>
                <c:pt idx="8">
                  <c:v>41716.25</c:v>
                </c:pt>
                <c:pt idx="9">
                  <c:v>39673.416666666701</c:v>
                </c:pt>
                <c:pt idx="10">
                  <c:v>35157.25</c:v>
                </c:pt>
                <c:pt idx="11">
                  <c:v>34052.25</c:v>
                </c:pt>
                <c:pt idx="12">
                  <c:v>46559.25</c:v>
                </c:pt>
                <c:pt idx="13">
                  <c:v>35959.666666666701</c:v>
                </c:pt>
                <c:pt idx="14">
                  <c:v>28740.083333333299</c:v>
                </c:pt>
                <c:pt idx="15">
                  <c:v>30312</c:v>
                </c:pt>
                <c:pt idx="16">
                  <c:v>309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597-43C9-9337-3B4B05FD2DAB}"/>
            </c:ext>
          </c:extLst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523276008"/>
        <c:axId val="523273384"/>
      </c:lineChart>
      <c:catAx>
        <c:axId val="5232760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25400" cap="flat" cmpd="sng" algn="ctr">
            <a:solidFill>
              <a:srgbClr val="000000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523273384"/>
        <c:crosses val="autoZero"/>
        <c:auto val="1"/>
        <c:lblAlgn val="ctr"/>
        <c:lblOffset val="100"/>
        <c:noMultiLvlLbl val="0"/>
      </c:catAx>
      <c:valAx>
        <c:axId val="5232733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52327600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de-DE"/>
    </a:p>
  </c:txPr>
  <c:externalData r:id="rId4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6.3852268669109521E-2"/>
          <c:y val="7.8316895768397357E-2"/>
          <c:w val="0.92795615420719191"/>
          <c:h val="0.82439745970498013"/>
        </c:manualLayout>
      </c:layout>
      <c:lineChart>
        <c:grouping val="standard"/>
        <c:varyColors val="0"/>
        <c:ser>
          <c:idx val="0"/>
          <c:order val="0"/>
          <c:tx>
            <c:strRef>
              <c:f>T_Indikatoren_OÖ!$B$16</c:f>
              <c:strCache>
                <c:ptCount val="1"/>
                <c:pt idx="0">
                  <c:v>Arbeitsvolumen in der Haupttätigkei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dLbls>
            <c:dLbl>
              <c:idx val="7"/>
              <c:layout/>
              <c:dLblPos val="b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A090-42DC-81B7-A70D6E59AD42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de-DE"/>
              </a:p>
            </c:txPr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T_Indikatoren_OÖ!$A$17:$A$24</c:f>
              <c:strCache>
                <c:ptCount val="8"/>
                <c:pt idx="0">
                  <c:v>2015</c:v>
                </c:pt>
                <c:pt idx="1">
                  <c:v>2016</c:v>
                </c:pt>
                <c:pt idx="2">
                  <c:v>2017</c:v>
                </c:pt>
                <c:pt idx="3">
                  <c:v>2018</c:v>
                </c:pt>
                <c:pt idx="4">
                  <c:v>2019</c:v>
                </c:pt>
                <c:pt idx="5">
                  <c:v>2020</c:v>
                </c:pt>
                <c:pt idx="6">
                  <c:v>2021</c:v>
                </c:pt>
                <c:pt idx="7">
                  <c:v>2022</c:v>
                </c:pt>
              </c:strCache>
            </c:strRef>
          </c:cat>
          <c:val>
            <c:numRef>
              <c:f>T_Indikatoren_OÖ!$B$17:$B$24</c:f>
              <c:numCache>
                <c:formatCode>0.0%</c:formatCode>
                <c:ptCount val="8"/>
                <c:pt idx="0">
                  <c:v>1</c:v>
                </c:pt>
                <c:pt idx="1">
                  <c:v>1.0483167082294265</c:v>
                </c:pt>
                <c:pt idx="2">
                  <c:v>1.0440565253532834</c:v>
                </c:pt>
                <c:pt idx="3">
                  <c:v>1.0474854530340816</c:v>
                </c:pt>
                <c:pt idx="4">
                  <c:v>1.0819825436408976</c:v>
                </c:pt>
                <c:pt idx="5">
                  <c:v>0.96352867830423938</c:v>
                </c:pt>
                <c:pt idx="6">
                  <c:v>1.0401080631753949</c:v>
                </c:pt>
                <c:pt idx="7">
                  <c:v>1.040523690773067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090-42DC-81B7-A70D6E59AD42}"/>
            </c:ext>
          </c:extLst>
        </c:ser>
        <c:ser>
          <c:idx val="1"/>
          <c:order val="1"/>
          <c:tx>
            <c:strRef>
              <c:f>T_Indikatoren_OÖ!$C$16</c:f>
              <c:strCache>
                <c:ptCount val="1"/>
                <c:pt idx="0">
                  <c:v>Arbeitsvolumen Überstunden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dLbls>
            <c:dLbl>
              <c:idx val="7"/>
              <c:layout/>
              <c:dLblPos val="b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2-A090-42DC-81B7-A70D6E59AD42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de-DE"/>
              </a:p>
            </c:txPr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T_Indikatoren_OÖ!$A$17:$A$24</c:f>
              <c:strCache>
                <c:ptCount val="8"/>
                <c:pt idx="0">
                  <c:v>2015</c:v>
                </c:pt>
                <c:pt idx="1">
                  <c:v>2016</c:v>
                </c:pt>
                <c:pt idx="2">
                  <c:v>2017</c:v>
                </c:pt>
                <c:pt idx="3">
                  <c:v>2018</c:v>
                </c:pt>
                <c:pt idx="4">
                  <c:v>2019</c:v>
                </c:pt>
                <c:pt idx="5">
                  <c:v>2020</c:v>
                </c:pt>
                <c:pt idx="6">
                  <c:v>2021</c:v>
                </c:pt>
                <c:pt idx="7">
                  <c:v>2022</c:v>
                </c:pt>
              </c:strCache>
            </c:strRef>
          </c:cat>
          <c:val>
            <c:numRef>
              <c:f>T_Indikatoren_OÖ!$C$17:$C$24</c:f>
              <c:numCache>
                <c:formatCode>0.0%</c:formatCode>
                <c:ptCount val="8"/>
                <c:pt idx="0">
                  <c:v>1</c:v>
                </c:pt>
                <c:pt idx="1">
                  <c:v>1.0664893617021276</c:v>
                </c:pt>
                <c:pt idx="2">
                  <c:v>1.0106382978723405</c:v>
                </c:pt>
                <c:pt idx="3">
                  <c:v>1.0319148936170213</c:v>
                </c:pt>
                <c:pt idx="4">
                  <c:v>1.1382978723404253</c:v>
                </c:pt>
                <c:pt idx="5">
                  <c:v>0.91489361702127647</c:v>
                </c:pt>
                <c:pt idx="6">
                  <c:v>0.89627659574468088</c:v>
                </c:pt>
                <c:pt idx="7">
                  <c:v>0.9042553191489360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A090-42DC-81B7-A70D6E59AD42}"/>
            </c:ext>
          </c:extLst>
        </c:ser>
        <c:ser>
          <c:idx val="2"/>
          <c:order val="2"/>
          <c:tx>
            <c:strRef>
              <c:f>T_Indikatoren_OÖ!$D$16</c:f>
              <c:strCache>
                <c:ptCount val="1"/>
                <c:pt idx="0">
                  <c:v>Unselbst. Beschäftigte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dLbls>
            <c:dLbl>
              <c:idx val="7"/>
              <c:layout/>
              <c:dLblPos val="t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4-A090-42DC-81B7-A70D6E59AD42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de-DE"/>
              </a:p>
            </c:txPr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T_Indikatoren_OÖ!$A$17:$A$24</c:f>
              <c:strCache>
                <c:ptCount val="8"/>
                <c:pt idx="0">
                  <c:v>2015</c:v>
                </c:pt>
                <c:pt idx="1">
                  <c:v>2016</c:v>
                </c:pt>
                <c:pt idx="2">
                  <c:v>2017</c:v>
                </c:pt>
                <c:pt idx="3">
                  <c:v>2018</c:v>
                </c:pt>
                <c:pt idx="4">
                  <c:v>2019</c:v>
                </c:pt>
                <c:pt idx="5">
                  <c:v>2020</c:v>
                </c:pt>
                <c:pt idx="6">
                  <c:v>2021</c:v>
                </c:pt>
                <c:pt idx="7">
                  <c:v>2022</c:v>
                </c:pt>
              </c:strCache>
            </c:strRef>
          </c:cat>
          <c:val>
            <c:numRef>
              <c:f>T_Indikatoren_OÖ!$D$17:$D$24</c:f>
              <c:numCache>
                <c:formatCode>0.0%</c:formatCode>
                <c:ptCount val="8"/>
                <c:pt idx="0">
                  <c:v>1</c:v>
                </c:pt>
                <c:pt idx="1">
                  <c:v>1.0153491389678631</c:v>
                </c:pt>
                <c:pt idx="2">
                  <c:v>1.0333605579356842</c:v>
                </c:pt>
                <c:pt idx="3">
                  <c:v>1.0581229806727395</c:v>
                </c:pt>
                <c:pt idx="4">
                  <c:v>1.0735701388057339</c:v>
                </c:pt>
                <c:pt idx="5">
                  <c:v>1.0581129138395644</c:v>
                </c:pt>
                <c:pt idx="6">
                  <c:v>1.0811229128540742</c:v>
                </c:pt>
                <c:pt idx="7">
                  <c:v>1.104060324703054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A090-42DC-81B7-A70D6E59AD42}"/>
            </c:ext>
          </c:extLst>
        </c:ser>
        <c:ser>
          <c:idx val="3"/>
          <c:order val="3"/>
          <c:tx>
            <c:strRef>
              <c:f>T_Indikatoren_OÖ!$E$16</c:f>
              <c:strCache>
                <c:ptCount val="1"/>
                <c:pt idx="0">
                  <c:v>BIP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dLbls>
            <c:dLbl>
              <c:idx val="7"/>
              <c:layout/>
              <c:dLblPos val="t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6-A090-42DC-81B7-A70D6E59AD42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de-DE"/>
              </a:p>
            </c:txPr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T_Indikatoren_OÖ!$A$17:$A$24</c:f>
              <c:strCache>
                <c:ptCount val="8"/>
                <c:pt idx="0">
                  <c:v>2015</c:v>
                </c:pt>
                <c:pt idx="1">
                  <c:v>2016</c:v>
                </c:pt>
                <c:pt idx="2">
                  <c:v>2017</c:v>
                </c:pt>
                <c:pt idx="3">
                  <c:v>2018</c:v>
                </c:pt>
                <c:pt idx="4">
                  <c:v>2019</c:v>
                </c:pt>
                <c:pt idx="5">
                  <c:v>2020</c:v>
                </c:pt>
                <c:pt idx="6">
                  <c:v>2021</c:v>
                </c:pt>
                <c:pt idx="7">
                  <c:v>2022</c:v>
                </c:pt>
              </c:strCache>
            </c:strRef>
          </c:cat>
          <c:val>
            <c:numRef>
              <c:f>T_Indikatoren_OÖ!$E$17:$E$24</c:f>
              <c:numCache>
                <c:formatCode>0.0%</c:formatCode>
                <c:ptCount val="8"/>
                <c:pt idx="0">
                  <c:v>1</c:v>
                </c:pt>
                <c:pt idx="1">
                  <c:v>1.0358056265984654</c:v>
                </c:pt>
                <c:pt idx="2">
                  <c:v>1.0743393009377664</c:v>
                </c:pt>
                <c:pt idx="3">
                  <c:v>1.1278772378516626</c:v>
                </c:pt>
                <c:pt idx="4">
                  <c:v>1.1590792838874682</c:v>
                </c:pt>
                <c:pt idx="5">
                  <c:v>1.1123614663256607</c:v>
                </c:pt>
                <c:pt idx="6">
                  <c:v>1.1957374254049444</c:v>
                </c:pt>
                <c:pt idx="7">
                  <c:v>1.300937766410912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A090-42DC-81B7-A70D6E59AD4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19547928"/>
        <c:axId val="419548256"/>
      </c:lineChart>
      <c:catAx>
        <c:axId val="4195479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419548256"/>
        <c:crosses val="autoZero"/>
        <c:auto val="1"/>
        <c:lblAlgn val="ctr"/>
        <c:lblOffset val="100"/>
        <c:noMultiLvlLbl val="0"/>
      </c:catAx>
      <c:valAx>
        <c:axId val="419548256"/>
        <c:scaling>
          <c:orientation val="minMax"/>
          <c:max val="1.35"/>
          <c:min val="0.85000000000000009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%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41954792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2197370246658342"/>
          <c:y val="0.11777189051782463"/>
          <c:w val="0.35632950106340106"/>
          <c:h val="0.1643850099785944"/>
        </c:manualLayout>
      </c:layout>
      <c:overlay val="0"/>
      <c:spPr>
        <a:solidFill>
          <a:srgbClr val="FFFFFF"/>
        </a:solidFill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e-DE"/>
        </a:p>
      </c:txPr>
    </c:legend>
    <c:plotVisOnly val="1"/>
    <c:dispBlanksAs val="gap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de-DE"/>
    </a:p>
  </c:txPr>
  <c:externalData r:id="rId4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barChart>
        <c:barDir val="bar"/>
        <c:grouping val="clustered"/>
        <c:varyColors val="0"/>
        <c:ser>
          <c:idx val="0"/>
          <c:order val="0"/>
          <c:tx>
            <c:strRef>
              <c:f>T_Teilzeit_EU!$C$1</c:f>
              <c:strCache>
                <c:ptCount val="1"/>
                <c:pt idx="0">
                  <c:v>gesamt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10"/>
            <c:invertIfNegative val="0"/>
            <c:bubble3D val="0"/>
            <c:spPr>
              <a:solidFill>
                <a:srgbClr val="FF0000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1DA9-4CFE-A068-DBB6FFF81140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de-DE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T_Teilzeit_EU!$A$2:$A$14</c:f>
              <c:strCache>
                <c:ptCount val="13"/>
                <c:pt idx="0">
                  <c:v>Rumänien</c:v>
                </c:pt>
                <c:pt idx="1">
                  <c:v>Slowakei</c:v>
                </c:pt>
                <c:pt idx="2">
                  <c:v>Ungarn</c:v>
                </c:pt>
                <c:pt idx="3">
                  <c:v>Tschechien</c:v>
                </c:pt>
                <c:pt idx="4">
                  <c:v>Spanien</c:v>
                </c:pt>
                <c:pt idx="5">
                  <c:v>Frankreich</c:v>
                </c:pt>
                <c:pt idx="6">
                  <c:v>Italien</c:v>
                </c:pt>
                <c:pt idx="7">
                  <c:v>Europäische Union</c:v>
                </c:pt>
                <c:pt idx="8">
                  <c:v>Schweden</c:v>
                </c:pt>
                <c:pt idx="9">
                  <c:v>Deutschland</c:v>
                </c:pt>
                <c:pt idx="10">
                  <c:v>Österreich</c:v>
                </c:pt>
                <c:pt idx="11">
                  <c:v>Schweiz</c:v>
                </c:pt>
                <c:pt idx="12">
                  <c:v>Niederlande</c:v>
                </c:pt>
              </c:strCache>
            </c:strRef>
          </c:cat>
          <c:val>
            <c:numRef>
              <c:f>T_Teilzeit_EU!$C$2:$C$14</c:f>
              <c:numCache>
                <c:formatCode>0.0%</c:formatCode>
                <c:ptCount val="13"/>
                <c:pt idx="0">
                  <c:v>3.3000000000000002E-2</c:v>
                </c:pt>
                <c:pt idx="1">
                  <c:v>3.4000000000000002E-2</c:v>
                </c:pt>
                <c:pt idx="2">
                  <c:v>3.7999999999999999E-2</c:v>
                </c:pt>
                <c:pt idx="3">
                  <c:v>7.0000000000000007E-2</c:v>
                </c:pt>
                <c:pt idx="4">
                  <c:v>0.124</c:v>
                </c:pt>
                <c:pt idx="5">
                  <c:v>0.16300000000000001</c:v>
                </c:pt>
                <c:pt idx="6">
                  <c:v>0.17199999999999999</c:v>
                </c:pt>
                <c:pt idx="7">
                  <c:v>0.17499999999999999</c:v>
                </c:pt>
                <c:pt idx="8">
                  <c:v>0.193</c:v>
                </c:pt>
                <c:pt idx="9">
                  <c:v>0.28499999999999998</c:v>
                </c:pt>
                <c:pt idx="10">
                  <c:v>0.29799999999999999</c:v>
                </c:pt>
                <c:pt idx="11">
                  <c:v>0.38100000000000001</c:v>
                </c:pt>
                <c:pt idx="12">
                  <c:v>0.427999999999999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DA9-4CFE-A068-DBB6FFF81140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80"/>
        <c:overlap val="-41"/>
        <c:axId val="405189976"/>
        <c:axId val="405191616"/>
      </c:barChart>
      <c:catAx>
        <c:axId val="405189976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405191616"/>
        <c:crosses val="autoZero"/>
        <c:auto val="1"/>
        <c:lblAlgn val="ctr"/>
        <c:lblOffset val="100"/>
        <c:noMultiLvlLbl val="0"/>
      </c:catAx>
      <c:valAx>
        <c:axId val="405191616"/>
        <c:scaling>
          <c:orientation val="minMax"/>
        </c:scaling>
        <c:delete val="1"/>
        <c:axPos val="b"/>
        <c:numFmt formatCode="0.0%" sourceLinked="1"/>
        <c:majorTickMark val="none"/>
        <c:minorTickMark val="none"/>
        <c:tickLblPos val="nextTo"/>
        <c:crossAx val="40518997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de-DE"/>
    </a:p>
  </c:txPr>
  <c:externalData r:id="rId4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862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dirty="0" err="1"/>
              <a:t>Männer</a:t>
            </a:r>
            <a:endParaRPr lang="en-US" dirty="0"/>
          </a:p>
        </c:rich>
      </c:tx>
      <c:layout>
        <c:manualLayout>
          <c:xMode val="edge"/>
          <c:yMode val="edge"/>
          <c:x val="0.36880168720316187"/>
          <c:y val="0.61151143790849671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62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e-DE"/>
        </a:p>
      </c:txPr>
    </c:title>
    <c:autoTitleDeleted val="0"/>
    <c:plotArea>
      <c:layout/>
      <c:doughnutChart>
        <c:varyColors val="1"/>
        <c:ser>
          <c:idx val="0"/>
          <c:order val="0"/>
          <c:tx>
            <c:strRef>
              <c:f>Tabelle1!$B$1</c:f>
              <c:strCache>
                <c:ptCount val="1"/>
                <c:pt idx="0">
                  <c:v>Verkauf</c:v>
                </c:pt>
              </c:strCache>
            </c:strRef>
          </c:tx>
          <c:spPr>
            <a:ln>
              <a:noFill/>
            </a:ln>
          </c:spPr>
          <c:dPt>
            <c:idx val="0"/>
            <c:bubble3D val="0"/>
            <c:spPr>
              <a:solidFill>
                <a:srgbClr val="003B7F"/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E7F0-214A-AF4C-1848FFFF2DF5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4-E7F0-214A-AF4C-1848FFFF2DF5}"/>
              </c:ext>
            </c:extLst>
          </c:dPt>
          <c:dPt>
            <c:idx val="2"/>
            <c:bubble3D val="0"/>
            <c:spPr>
              <a:solidFill>
                <a:schemeClr val="accent1">
                  <a:lumMod val="75000"/>
                </a:schemeClr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2-E7F0-214A-AF4C-1848FFFF2DF5}"/>
              </c:ext>
            </c:extLst>
          </c:dPt>
          <c:dPt>
            <c:idx val="3"/>
            <c:bubble3D val="0"/>
            <c:spPr>
              <a:solidFill>
                <a:srgbClr val="E4002D"/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E7F0-214A-AF4C-1848FFFF2DF5}"/>
              </c:ext>
            </c:extLst>
          </c:dPt>
          <c:cat>
            <c:strRef>
              <c:f>Tabelle1!$A$2:$A$5</c:f>
              <c:strCache>
                <c:ptCount val="4"/>
                <c:pt idx="0">
                  <c:v>Erwerbstätigkeit</c:v>
                </c:pt>
                <c:pt idx="1">
                  <c:v>Erwerbslos</c:v>
                </c:pt>
                <c:pt idx="2">
                  <c:v>Krankengeld</c:v>
                </c:pt>
                <c:pt idx="3">
                  <c:v>Arbeitslosigkeit</c:v>
                </c:pt>
              </c:strCache>
            </c:strRef>
          </c:cat>
          <c:val>
            <c:numRef>
              <c:f>Tabelle1!$B$2:$B$5</c:f>
              <c:numCache>
                <c:formatCode>General</c:formatCode>
                <c:ptCount val="4"/>
                <c:pt idx="0">
                  <c:v>82.7</c:v>
                </c:pt>
                <c:pt idx="1">
                  <c:v>5.8</c:v>
                </c:pt>
                <c:pt idx="2">
                  <c:v>0.9</c:v>
                </c:pt>
                <c:pt idx="3">
                  <c:v>10.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7F0-214A-AF4C-1848FFFF2DF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75"/>
      </c:doughnutChart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de-DE"/>
    </a:p>
  </c:txPr>
  <c:externalData r:id="rId3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862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dirty="0"/>
              <a:t>Frauen</a:t>
            </a:r>
          </a:p>
        </c:rich>
      </c:tx>
      <c:layout>
        <c:manualLayout>
          <c:xMode val="edge"/>
          <c:yMode val="edge"/>
          <c:x val="0.36880168720316187"/>
          <c:y val="0.61151143790849671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62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e-DE"/>
        </a:p>
      </c:txPr>
    </c:title>
    <c:autoTitleDeleted val="0"/>
    <c:plotArea>
      <c:layout/>
      <c:doughnutChart>
        <c:varyColors val="1"/>
        <c:ser>
          <c:idx val="0"/>
          <c:order val="0"/>
          <c:tx>
            <c:strRef>
              <c:f>Tabelle1!$B$1</c:f>
              <c:strCache>
                <c:ptCount val="1"/>
                <c:pt idx="0">
                  <c:v>Verkauf</c:v>
                </c:pt>
              </c:strCache>
            </c:strRef>
          </c:tx>
          <c:spPr>
            <a:ln>
              <a:noFill/>
            </a:ln>
          </c:spPr>
          <c:dPt>
            <c:idx val="0"/>
            <c:bubble3D val="0"/>
            <c:spPr>
              <a:solidFill>
                <a:srgbClr val="7030A0"/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E7F0-214A-AF4C-1848FFFF2DF5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4-E7F0-214A-AF4C-1848FFFF2DF5}"/>
              </c:ext>
            </c:extLst>
          </c:dPt>
          <c:dPt>
            <c:idx val="2"/>
            <c:bubble3D val="0"/>
            <c:spPr>
              <a:solidFill>
                <a:schemeClr val="accent1">
                  <a:lumMod val="75000"/>
                </a:schemeClr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2-E7F0-214A-AF4C-1848FFFF2DF5}"/>
              </c:ext>
            </c:extLst>
          </c:dPt>
          <c:dPt>
            <c:idx val="3"/>
            <c:bubble3D val="0"/>
            <c:spPr>
              <a:solidFill>
                <a:srgbClr val="E4002D"/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E7F0-214A-AF4C-1848FFFF2DF5}"/>
              </c:ext>
            </c:extLst>
          </c:dPt>
          <c:cat>
            <c:strRef>
              <c:f>Tabelle1!$A$2:$A$5</c:f>
              <c:strCache>
                <c:ptCount val="4"/>
                <c:pt idx="0">
                  <c:v>Erwerbstätigkeit</c:v>
                </c:pt>
                <c:pt idx="1">
                  <c:v>Erwerbslos</c:v>
                </c:pt>
                <c:pt idx="2">
                  <c:v>Krankengeld</c:v>
                </c:pt>
                <c:pt idx="3">
                  <c:v>Arbeitslosigkeit</c:v>
                </c:pt>
              </c:strCache>
            </c:strRef>
          </c:cat>
          <c:val>
            <c:numRef>
              <c:f>Tabelle1!$B$2:$B$5</c:f>
              <c:numCache>
                <c:formatCode>General</c:formatCode>
                <c:ptCount val="4"/>
                <c:pt idx="0">
                  <c:v>77</c:v>
                </c:pt>
                <c:pt idx="1">
                  <c:v>11.8</c:v>
                </c:pt>
                <c:pt idx="2">
                  <c:v>0.8</c:v>
                </c:pt>
                <c:pt idx="3">
                  <c:v>10.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7F0-214A-AF4C-1848FFFF2DF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75"/>
      </c:doughnutChart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de-DE"/>
    </a:p>
  </c:txPr>
  <c:externalData r:id="rId3">
    <c:autoUpdate val="0"/>
  </c:externalData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doughnutChart>
        <c:varyColors val="1"/>
        <c:ser>
          <c:idx val="0"/>
          <c:order val="0"/>
          <c:tx>
            <c:strRef>
              <c:f>Tabelle1!$B$1</c:f>
              <c:strCache>
                <c:ptCount val="1"/>
                <c:pt idx="0">
                  <c:v>Verkauf</c:v>
                </c:pt>
              </c:strCache>
            </c:strRef>
          </c:tx>
          <c:spPr>
            <a:ln>
              <a:noFill/>
            </a:ln>
          </c:spPr>
          <c:dPt>
            <c:idx val="0"/>
            <c:bubble3D val="0"/>
            <c:spPr>
              <a:solidFill>
                <a:srgbClr val="003B7F"/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05D7-5647-A090-C91A458AD945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05D7-5647-A090-C91A458AD945}"/>
              </c:ext>
            </c:extLst>
          </c:dPt>
          <c:dPt>
            <c:idx val="2"/>
            <c:bubble3D val="0"/>
            <c:spPr>
              <a:solidFill>
                <a:schemeClr val="accent1">
                  <a:lumMod val="75000"/>
                </a:schemeClr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05D7-5647-A090-C91A458AD945}"/>
              </c:ext>
            </c:extLst>
          </c:dPt>
          <c:dPt>
            <c:idx val="3"/>
            <c:bubble3D val="0"/>
            <c:spPr>
              <a:solidFill>
                <a:srgbClr val="E4002D"/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05D7-5647-A090-C91A458AD945}"/>
              </c:ext>
            </c:extLst>
          </c:dPt>
          <c:cat>
            <c:strRef>
              <c:f>Tabelle1!$A$2:$A$5</c:f>
              <c:strCache>
                <c:ptCount val="4"/>
                <c:pt idx="0">
                  <c:v>Erwerbstätigkeit</c:v>
                </c:pt>
                <c:pt idx="1">
                  <c:v>Erwerbslos</c:v>
                </c:pt>
                <c:pt idx="2">
                  <c:v>Krankengeld</c:v>
                </c:pt>
                <c:pt idx="3">
                  <c:v>Arbeitslosigkeit</c:v>
                </c:pt>
              </c:strCache>
            </c:strRef>
          </c:cat>
          <c:val>
            <c:numRef>
              <c:f>Tabelle1!$B$2:$B$5</c:f>
              <c:numCache>
                <c:formatCode>General</c:formatCode>
                <c:ptCount val="4"/>
                <c:pt idx="0">
                  <c:v>67.099999999999994</c:v>
                </c:pt>
                <c:pt idx="1">
                  <c:v>14.3</c:v>
                </c:pt>
                <c:pt idx="2">
                  <c:v>0.8</c:v>
                </c:pt>
                <c:pt idx="3">
                  <c:v>17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05D7-5647-A090-C91A458AD94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85"/>
      </c:doughnutChart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de-DE"/>
    </a:p>
  </c:txPr>
  <c:externalData r:id="rId3">
    <c:autoUpdate val="0"/>
  </c:externalData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doughnutChart>
        <c:varyColors val="1"/>
        <c:ser>
          <c:idx val="0"/>
          <c:order val="0"/>
          <c:tx>
            <c:strRef>
              <c:f>Tabelle1!$B$1</c:f>
              <c:strCache>
                <c:ptCount val="1"/>
                <c:pt idx="0">
                  <c:v>Verkauf</c:v>
                </c:pt>
              </c:strCache>
            </c:strRef>
          </c:tx>
          <c:spPr>
            <a:ln>
              <a:noFill/>
            </a:ln>
          </c:spPr>
          <c:dPt>
            <c:idx val="0"/>
            <c:bubble3D val="0"/>
            <c:spPr>
              <a:solidFill>
                <a:srgbClr val="7030A0"/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CA15-9B46-9C66-313DC7A09250}"/>
              </c:ext>
            </c:extLst>
          </c:dPt>
          <c:dPt>
            <c:idx val="1"/>
            <c:bubble3D val="0"/>
            <c:spPr>
              <a:solidFill>
                <a:schemeClr val="bg1">
                  <a:lumMod val="75000"/>
                </a:schemeClr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CA15-9B46-9C66-313DC7A09250}"/>
              </c:ext>
            </c:extLst>
          </c:dPt>
          <c:dPt>
            <c:idx val="2"/>
            <c:bubble3D val="0"/>
            <c:spPr>
              <a:solidFill>
                <a:schemeClr val="accent1">
                  <a:lumMod val="75000"/>
                </a:schemeClr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CA15-9B46-9C66-313DC7A09250}"/>
              </c:ext>
            </c:extLst>
          </c:dPt>
          <c:dPt>
            <c:idx val="3"/>
            <c:bubble3D val="0"/>
            <c:spPr>
              <a:solidFill>
                <a:srgbClr val="E4002D"/>
              </a:solidFill>
              <a:ln w="19050"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CA15-9B46-9C66-313DC7A09250}"/>
              </c:ext>
            </c:extLst>
          </c:dPt>
          <c:cat>
            <c:strRef>
              <c:f>Tabelle1!$A$2:$A$5</c:f>
              <c:strCache>
                <c:ptCount val="4"/>
                <c:pt idx="0">
                  <c:v>Erwerbstätigkeit</c:v>
                </c:pt>
                <c:pt idx="1">
                  <c:v>Erwerbslos</c:v>
                </c:pt>
                <c:pt idx="2">
                  <c:v>Krankengeld</c:v>
                </c:pt>
                <c:pt idx="3">
                  <c:v>Arbeitslosigkeit</c:v>
                </c:pt>
              </c:strCache>
            </c:strRef>
          </c:cat>
          <c:val>
            <c:numRef>
              <c:f>Tabelle1!$B$2:$B$5</c:f>
              <c:numCache>
                <c:formatCode>General</c:formatCode>
                <c:ptCount val="4"/>
                <c:pt idx="0">
                  <c:v>67.099999999999994</c:v>
                </c:pt>
                <c:pt idx="1">
                  <c:v>14.3</c:v>
                </c:pt>
                <c:pt idx="2">
                  <c:v>0.8</c:v>
                </c:pt>
                <c:pt idx="3">
                  <c:v>17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CA15-9B46-9C66-313DC7A0925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85"/>
      </c:doughnutChart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de-DE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33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862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33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862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7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33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862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8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33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862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6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1" y="6"/>
            <a:ext cx="2946400" cy="49371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>
                <a:cs typeface="Arial" charset="0"/>
              </a:defRPr>
            </a:lvl1pPr>
          </a:lstStyle>
          <a:p>
            <a:pPr>
              <a:defRPr/>
            </a:pPr>
            <a:endParaRPr lang="de-AT"/>
          </a:p>
        </p:txBody>
      </p:sp>
      <p:sp>
        <p:nvSpPr>
          <p:cNvPr id="3" name="Datumsplatzhalter 2"/>
          <p:cNvSpPr>
            <a:spLocks noGrp="1"/>
          </p:cNvSpPr>
          <p:nvPr>
            <p:ph type="dt" sz="quarter" idx="1"/>
          </p:nvPr>
        </p:nvSpPr>
        <p:spPr>
          <a:xfrm>
            <a:off x="3849693" y="6"/>
            <a:ext cx="2946400" cy="49371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>
                <a:cs typeface="Arial" charset="0"/>
              </a:defRPr>
            </a:lvl1pPr>
          </a:lstStyle>
          <a:p>
            <a:pPr>
              <a:defRPr/>
            </a:pPr>
            <a:fld id="{19DFADEB-4EB4-4457-8028-4B9CFFA2EF37}" type="datetimeFigureOut">
              <a:rPr lang="de-AT"/>
              <a:pPr>
                <a:defRPr/>
              </a:pPr>
              <a:t>13.05.2024</a:t>
            </a:fld>
            <a:endParaRPr lang="de-AT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2"/>
          </p:nvPr>
        </p:nvSpPr>
        <p:spPr>
          <a:xfrm>
            <a:off x="1" y="9377367"/>
            <a:ext cx="2946400" cy="4937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>
                <a:cs typeface="Arial" charset="0"/>
              </a:defRPr>
            </a:lvl1pPr>
          </a:lstStyle>
          <a:p>
            <a:pPr>
              <a:defRPr/>
            </a:pPr>
            <a:endParaRPr lang="de-AT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3"/>
          </p:nvPr>
        </p:nvSpPr>
        <p:spPr>
          <a:xfrm>
            <a:off x="3849693" y="9377367"/>
            <a:ext cx="2946400" cy="493711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fld id="{125563F6-8DD3-403B-9FAD-35825FA46DE6}" type="slidenum">
              <a:rPr lang="de-AT" altLang="de-DE"/>
              <a:pPr/>
              <a:t>‹Nr.›</a:t>
            </a:fld>
            <a:endParaRPr lang="de-AT" altLang="de-DE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1" y="2"/>
            <a:ext cx="2946400" cy="49530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49693" y="2"/>
            <a:ext cx="2946400" cy="49530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DAEB379-42FA-493C-A2C1-E778A6D8B4E1}" type="datetimeFigureOut">
              <a:rPr lang="de-DE" smtClean="0"/>
              <a:t>13.05.2024</a:t>
            </a:fld>
            <a:endParaRPr lang="de-DE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439738" y="1233488"/>
            <a:ext cx="5918200" cy="33289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de-DE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79454" y="4751395"/>
            <a:ext cx="5438776" cy="3887787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de-DE" smtClean="0"/>
              <a:t>Formatvorlagen des Textmasters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1" y="9377362"/>
            <a:ext cx="2946400" cy="49530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49693" y="9377362"/>
            <a:ext cx="2946400" cy="49530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EB9C04E-46A1-412C-A9B9-510DAA883915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284148397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dirty="0" smtClean="0"/>
              <a:t>Auszug aus der</a:t>
            </a:r>
            <a:r>
              <a:rPr lang="de-DE" baseline="0" dirty="0" smtClean="0"/>
              <a:t> Presseaussendung der Arbeitsmarktzahlen am Monatsbeginn – siehe Intranet: https://confluence.ams.or.at/display/OOEWIKI/Presseinformationen</a:t>
            </a:r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3524CFF-32CB-4BE7-A860-901A66E87D97}" type="slidenum">
              <a:rPr kumimoji="0" lang="de-AT" altLang="de-DE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3</a:t>
            </a:fld>
            <a:endParaRPr kumimoji="0" lang="de-AT" altLang="de-DE" sz="13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0657300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55563" y="814388"/>
            <a:ext cx="6329362" cy="3560762"/>
          </a:xfrm>
          <a:ln/>
        </p:spPr>
      </p:sp>
      <p:sp>
        <p:nvSpPr>
          <p:cNvPr id="2" name="Notizenplatzhalter 1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de-AT" dirty="0"/>
              <a:t>Der</a:t>
            </a:r>
            <a:r>
              <a:rPr lang="de-AT" baseline="0" dirty="0"/>
              <a:t> Anteil der Männer und Frauen die aus der Erwerbslosigkeit (insb. Frauen) in die Alterspension übertreten bietet ein großes Arbeitskräftepotenzial. </a:t>
            </a:r>
            <a:endParaRPr lang="de-AT" dirty="0"/>
          </a:p>
        </p:txBody>
      </p:sp>
    </p:spTree>
    <p:extLst>
      <p:ext uri="{BB962C8B-B14F-4D97-AF65-F5344CB8AC3E}">
        <p14:creationId xmlns:p14="http://schemas.microsoft.com/office/powerpoint/2010/main" val="415848214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Folienbildplatzhalt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52227" name="Notizenplatzhalter 2"/>
          <p:cNvSpPr>
            <a:spLocks noGrp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r>
              <a:rPr lang="de-DE" altLang="de-DE" dirty="0" smtClean="0">
                <a:latin typeface="Arial" panose="020B0604020202020204" pitchFamily="34" charset="0"/>
              </a:rPr>
              <a:t>Jährliche</a:t>
            </a:r>
            <a:r>
              <a:rPr lang="de-DE" altLang="de-DE" baseline="0" dirty="0" smtClean="0">
                <a:latin typeface="Arial" panose="020B0604020202020204" pitchFamily="34" charset="0"/>
              </a:rPr>
              <a:t> Zahl der Beschäftigten in OÖ (letzter Balken im Normalfall Stand aktuelles Vormonat, in diesem Fall Jahresdurchschnittswert)</a:t>
            </a:r>
            <a:endParaRPr lang="de-DE" altLang="de-DE" dirty="0">
              <a:latin typeface="Arial" panose="020B0604020202020204" pitchFamily="34" charset="0"/>
            </a:endParaRPr>
          </a:p>
        </p:txBody>
      </p:sp>
      <p:sp>
        <p:nvSpPr>
          <p:cNvPr id="52228" name="Foliennummernplatzhalt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>
              <a:defRPr sz="31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1pPr>
            <a:lvl2pPr marL="707009" indent="-271926">
              <a:defRPr sz="31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2pPr>
            <a:lvl3pPr marL="1087707" indent="-217541">
              <a:defRPr sz="31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3pPr>
            <a:lvl4pPr marL="1522788" indent="-217541">
              <a:defRPr sz="31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4pPr>
            <a:lvl5pPr marL="1957871" indent="-217541">
              <a:defRPr sz="31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5pPr>
            <a:lvl6pPr marL="2392953" indent="-217541" eaLnBrk="0" fontAlgn="base" hangingPunct="0">
              <a:spcBef>
                <a:spcPct val="0"/>
              </a:spcBef>
              <a:spcAft>
                <a:spcPct val="0"/>
              </a:spcAft>
              <a:defRPr sz="31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6pPr>
            <a:lvl7pPr marL="2828037" indent="-217541" eaLnBrk="0" fontAlgn="base" hangingPunct="0">
              <a:spcBef>
                <a:spcPct val="0"/>
              </a:spcBef>
              <a:spcAft>
                <a:spcPct val="0"/>
              </a:spcAft>
              <a:defRPr sz="31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7pPr>
            <a:lvl8pPr marL="3263118" indent="-217541" eaLnBrk="0" fontAlgn="base" hangingPunct="0">
              <a:spcBef>
                <a:spcPct val="0"/>
              </a:spcBef>
              <a:spcAft>
                <a:spcPct val="0"/>
              </a:spcAft>
              <a:defRPr sz="31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8pPr>
            <a:lvl9pPr marL="3698201" indent="-217541" eaLnBrk="0" fontAlgn="base" hangingPunct="0">
              <a:spcBef>
                <a:spcPct val="0"/>
              </a:spcBef>
              <a:spcAft>
                <a:spcPct val="0"/>
              </a:spcAft>
              <a:defRPr sz="31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9pPr>
          </a:lstStyle>
          <a:p>
            <a:pPr marL="0" marR="0" lvl="0" indent="0" algn="r" defTabSz="870164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AA1662D1-4E99-48FD-BDD1-F66C16F22D51}" type="slidenum">
              <a:rPr kumimoji="0" lang="de-DE" altLang="de-DE" sz="1200" b="0" i="0" u="none" strike="noStrike" kern="120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pPr marL="0" marR="0" lvl="0" indent="0" algn="r" defTabSz="870164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4</a:t>
            </a:fld>
            <a:endParaRPr kumimoji="0" lang="de-DE" altLang="de-DE" sz="12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629838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3524CFF-32CB-4BE7-A860-901A66E87D97}" type="slidenum">
              <a:rPr kumimoji="0" lang="de-AT" altLang="de-DE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5</a:t>
            </a:fld>
            <a:endParaRPr kumimoji="0" lang="de-AT" altLang="de-DE" sz="13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9626947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dirty="0" smtClean="0"/>
              <a:t>Links unten:</a:t>
            </a:r>
            <a:r>
              <a:rPr lang="de-DE" baseline="0" dirty="0" smtClean="0"/>
              <a:t> OÖ-Quote – Rechts unten: OÖ-Veränderung zum Vorjahresmonat</a:t>
            </a:r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3524CFF-32CB-4BE7-A860-901A66E87D97}" type="slidenum">
              <a:rPr kumimoji="0" lang="de-AT" altLang="de-DE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6</a:t>
            </a:fld>
            <a:endParaRPr kumimoji="0" lang="de-AT" altLang="de-DE" sz="13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8374094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3524CFF-32CB-4BE7-A860-901A66E87D97}" type="slidenum">
              <a:rPr kumimoji="0" lang="de-AT" altLang="de-DE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7</a:t>
            </a:fld>
            <a:endParaRPr kumimoji="0" lang="de-AT" altLang="de-DE" sz="13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5451836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dirty="0" smtClean="0"/>
              <a:t>Folie ANIMIERT</a:t>
            </a:r>
          </a:p>
          <a:p>
            <a:endParaRPr lang="de-DE" dirty="0" smtClean="0"/>
          </a:p>
          <a:p>
            <a:r>
              <a:rPr lang="de-DE" sz="1200" baseline="0" dirty="0" smtClean="0"/>
              <a:t>Diese Folie zeigt: Je </a:t>
            </a:r>
            <a:r>
              <a:rPr lang="de-DE" sz="1200" b="1" baseline="0" dirty="0" smtClean="0"/>
              <a:t>geringer</a:t>
            </a:r>
            <a:r>
              <a:rPr lang="de-DE" sz="1200" baseline="0" dirty="0" smtClean="0"/>
              <a:t> die höchste abgeschlossener Ausbildung, desto </a:t>
            </a:r>
            <a:r>
              <a:rPr lang="de-DE" sz="1200" b="1" baseline="0" dirty="0" smtClean="0"/>
              <a:t>höher</a:t>
            </a:r>
            <a:r>
              <a:rPr lang="de-DE" sz="1200" baseline="0" dirty="0" smtClean="0"/>
              <a:t> die Gefahr von Arbeitslosigkeit betroffen zu sein.</a:t>
            </a:r>
          </a:p>
          <a:p>
            <a:r>
              <a:rPr lang="de-DE" sz="1200" b="0" baseline="0" dirty="0" smtClean="0"/>
              <a:t>Beispiel: Lehre vs. Pflichtschulabschluss = </a:t>
            </a:r>
            <a:r>
              <a:rPr lang="de-DE" sz="1050" b="0" baseline="0" dirty="0" smtClean="0"/>
              <a:t>ALQ</a:t>
            </a:r>
            <a:r>
              <a:rPr lang="de-DE" sz="1200" b="0" baseline="0" dirty="0" smtClean="0"/>
              <a:t> bei Pflichtschulabschluss 4x höher als bei Lehrabschluss</a:t>
            </a:r>
            <a:endParaRPr lang="de-DE" sz="1200" baseline="0" dirty="0" smtClean="0"/>
          </a:p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3524CFF-32CB-4BE7-A860-901A66E87D97}" type="slidenum">
              <a:rPr kumimoji="0" lang="de-AT" altLang="de-DE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8</a:t>
            </a:fld>
            <a:endParaRPr kumimoji="0" lang="de-AT" altLang="de-DE" sz="13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03694488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dirty="0" smtClean="0"/>
              <a:t>Diese Folie</a:t>
            </a:r>
            <a:r>
              <a:rPr lang="de-DE" baseline="0" dirty="0" smtClean="0"/>
              <a:t> zeigt, dass seit 2015 (=100%) mit weniger bzw. fast gleich bleibendem Arbeitsvolumen überproportional viel Wirtschaftsleistung generiert wird. Es zeigt auch die bekannte Tendenz zu Teilzeit bzw. weniger geleisteten Arbeitsstunden insgesamt trotz mehr unselbständig Beschäftigten.</a:t>
            </a:r>
          </a:p>
          <a:p>
            <a:endParaRPr lang="de-DE" baseline="0" dirty="0" smtClean="0"/>
          </a:p>
          <a:p>
            <a:r>
              <a:rPr lang="de-DE" baseline="0" dirty="0" smtClean="0"/>
              <a:t>Info zur möglichen Aktualisierung: Zahlen für 2024 von Statistik Austria kommen im Frühjahr 2024</a:t>
            </a:r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3524CFF-32CB-4BE7-A860-901A66E87D97}" type="slidenum">
              <a:rPr kumimoji="0" lang="de-AT" altLang="de-DE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0</a:t>
            </a:fld>
            <a:endParaRPr kumimoji="0" lang="de-AT" altLang="de-DE" sz="13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61678520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57150" indent="0" eaLnBrk="1" hangingPunct="1">
              <a:lnSpc>
                <a:spcPct val="90000"/>
              </a:lnSpc>
              <a:buNone/>
              <a:defRPr/>
            </a:pPr>
            <a:r>
              <a:rPr lang="de-AT" altLang="de-DE" sz="1200" dirty="0" smtClean="0"/>
              <a:t>Anstieg der Bevölkerung um zehn Prozent auf 9,85 Mio. bis zum Jahr 2050. Dieser Bevölkerungsanstieg konzentriert sich zu mehr als der Hälfte auf die Altersgruppe der über 64-Jährigen; die Zahl der Bevölkerung im Haupterwerbsalter wird sich bis zum Jahr 2050 um etwa fünf Prozent reduzieren:</a:t>
            </a:r>
            <a:r>
              <a:rPr lang="de-AT" altLang="de-DE" sz="1200" baseline="0" dirty="0" smtClean="0"/>
              <a:t> </a:t>
            </a:r>
          </a:p>
          <a:p>
            <a:pPr marL="57150" indent="0" eaLnBrk="1" hangingPunct="1">
              <a:lnSpc>
                <a:spcPct val="90000"/>
              </a:lnSpc>
              <a:buNone/>
              <a:defRPr/>
            </a:pPr>
            <a:r>
              <a:rPr lang="de-AT" altLang="de-DE" sz="1200" dirty="0" smtClean="0"/>
              <a:t>Schätzung lt. Statistik Austria wird 2050</a:t>
            </a:r>
            <a:r>
              <a:rPr lang="de-AT" altLang="de-DE" sz="1200" baseline="0" dirty="0" smtClean="0"/>
              <a:t> einen Anteil von 15% unter 16Jährige (1.435.875 Mio.), 51% der Personen werden zw. 16 und 59 Jahren (5.049.364 Mio.) alt sein und 34% älter als 60 Jahre (3.367.712)</a:t>
            </a:r>
            <a:r>
              <a:rPr lang="de-AT" altLang="de-DE" sz="1200" dirty="0" smtClean="0"/>
              <a:t>. Frauenanteil 2050 ab 60 Jahren relativ</a:t>
            </a:r>
            <a:r>
              <a:rPr lang="de-AT" altLang="de-DE" sz="1200" baseline="0" dirty="0" smtClean="0"/>
              <a:t> hoch (Überschuss!)</a:t>
            </a:r>
            <a:endParaRPr lang="de-AT" altLang="de-DE" sz="1200" dirty="0" smtClean="0"/>
          </a:p>
          <a:p>
            <a:pPr marL="57150" marR="0" lvl="0" indent="0" algn="l" defTabSz="914400" rtl="0" eaLnBrk="1" fontAlgn="base" latinLnBrk="0" hangingPunct="1">
              <a:lnSpc>
                <a:spcPct val="9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de-AT" altLang="de-DE" sz="1200" baseline="0" dirty="0" smtClean="0"/>
              <a:t>Blaue Linie = Markierung Altersgruppe 65-Jährige, dunklere Markierung am Ende der Linien bedeutet Männer- bzw. Frauenüberschuss</a:t>
            </a:r>
          </a:p>
          <a:p>
            <a:pPr marL="57150" indent="0" eaLnBrk="1" hangingPunct="1">
              <a:lnSpc>
                <a:spcPct val="90000"/>
              </a:lnSpc>
              <a:buNone/>
              <a:defRPr/>
            </a:pPr>
            <a:endParaRPr lang="de-AT" altLang="de-DE" sz="1200" dirty="0" smtClean="0"/>
          </a:p>
          <a:p>
            <a:pPr marL="57150" indent="0" eaLnBrk="1" hangingPunct="1">
              <a:lnSpc>
                <a:spcPct val="90000"/>
              </a:lnSpc>
              <a:buNone/>
              <a:defRPr/>
            </a:pPr>
            <a:endParaRPr lang="de-AT" altLang="de-DE" sz="1200" dirty="0" smtClean="0"/>
          </a:p>
          <a:p>
            <a:pPr marL="457200" lvl="1" indent="0" eaLnBrk="1" hangingPunct="1">
              <a:lnSpc>
                <a:spcPct val="90000"/>
              </a:lnSpc>
              <a:buFontTx/>
              <a:buNone/>
              <a:defRPr/>
            </a:pPr>
            <a:endParaRPr lang="de-DE" altLang="de-DE" sz="1600" dirty="0" smtClean="0"/>
          </a:p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3524CFF-32CB-4BE7-A860-901A66E87D97}" type="slidenum">
              <a:rPr kumimoji="0" lang="de-AT" altLang="de-DE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1</a:t>
            </a:fld>
            <a:endParaRPr kumimoji="0" lang="de-AT" altLang="de-DE" sz="13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332109594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baseline="0" dirty="0" smtClean="0"/>
              <a:t>Es zeigt die bekannte Tendenz zu Teilzeit bzw. weniger geleisteten Arbeitsstunden insgesamt trotz mehr unselbständig Beschäftigten.</a:t>
            </a:r>
          </a:p>
          <a:p>
            <a:r>
              <a:rPr lang="de-DE" baseline="0" dirty="0" smtClean="0"/>
              <a:t>Arbeitszeitvolumen=Stunden aller Beschäftigten zusammen</a:t>
            </a:r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3524CFF-32CB-4BE7-A860-901A66E87D97}" type="slidenum">
              <a:rPr kumimoji="0" lang="de-AT" altLang="de-DE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2</a:t>
            </a:fld>
            <a:endParaRPr kumimoji="0" lang="de-AT" altLang="de-DE" sz="13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492742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3.png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7.png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2.xml"/><Relationship Id="rId4" Type="http://schemas.openxmlformats.org/officeDocument/2006/relationships/image" Target="../media/image3.png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3.xml"/><Relationship Id="rId4" Type="http://schemas.openxmlformats.org/officeDocument/2006/relationships/image" Target="../media/image7.png"/></Relationships>
</file>

<file path=ppt/slideLayouts/_rels/slideLayout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3.xml"/></Relationships>
</file>

<file path=ppt/slideLayouts/_rels/slideLayout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4.xml"/><Relationship Id="rId4" Type="http://schemas.openxmlformats.org/officeDocument/2006/relationships/image" Target="../media/image3.png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4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el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Grafik 7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614363"/>
            <a:ext cx="9144000" cy="68580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Grafik 8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294063"/>
            <a:ext cx="9144000" cy="2085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Grafik 12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21550" y="4135438"/>
            <a:ext cx="1427163" cy="6683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281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0" y="202451"/>
            <a:ext cx="8459788" cy="2585323"/>
          </a:xfrm>
        </p:spPr>
        <p:txBody>
          <a:bodyPr lIns="720000" anchor="b">
            <a:spAutoFit/>
          </a:bodyPr>
          <a:lstStyle>
            <a:lvl1pPr>
              <a:lnSpc>
                <a:spcPts val="6500"/>
              </a:lnSpc>
              <a:defRPr sz="5600" b="1" spc="-100" baseline="0">
                <a:solidFill>
                  <a:schemeClr val="bg1"/>
                </a:solidFill>
                <a:latin typeface="Arial" panose="020B0604020202020204" pitchFamily="34" charset="0"/>
              </a:defRPr>
            </a:lvl1pPr>
          </a:lstStyle>
          <a:p>
            <a:pPr lvl="0"/>
            <a:r>
              <a:rPr lang="de-DE" altLang="de-DE" noProof="0" smtClean="0"/>
              <a:t>Titelmasterformat durch Klicken bearbeiten</a:t>
            </a:r>
            <a:endParaRPr lang="de-DE" altLang="de-DE" noProof="0" dirty="0" smtClean="0"/>
          </a:p>
        </p:txBody>
      </p:sp>
      <p:sp>
        <p:nvSpPr>
          <p:cNvPr id="16281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" y="2787774"/>
            <a:ext cx="4716015" cy="643423"/>
          </a:xfrm>
          <a:solidFill>
            <a:srgbClr val="E4002D">
              <a:alpha val="85000"/>
            </a:srgbClr>
          </a:solidFill>
        </p:spPr>
        <p:txBody>
          <a:bodyPr lIns="720000" tIns="72000" bIns="108000" anchor="ctr">
            <a:spAutoFit/>
          </a:bodyPr>
          <a:lstStyle>
            <a:lvl1pPr marL="0" indent="0" algn="l">
              <a:buFont typeface="Wingdings" pitchFamily="2" charset="2"/>
              <a:buNone/>
              <a:defRPr sz="1500" baseline="0">
                <a:solidFill>
                  <a:schemeClr val="bg1"/>
                </a:solidFill>
              </a:defRPr>
            </a:lvl1pPr>
          </a:lstStyle>
          <a:p>
            <a:pPr lvl="0"/>
            <a:r>
              <a:rPr lang="de-DE" altLang="de-DE" noProof="0" smtClean="0"/>
              <a:t>Formatvorlage des Untertitelmasters durch Klicken bearbeiten</a:t>
            </a:r>
            <a:endParaRPr lang="de-AT" altLang="de-DE" noProof="0" dirty="0" smtClean="0"/>
          </a:p>
        </p:txBody>
      </p:sp>
    </p:spTree>
    <p:extLst>
      <p:ext uri="{BB962C8B-B14F-4D97-AF65-F5344CB8AC3E}">
        <p14:creationId xmlns:p14="http://schemas.microsoft.com/office/powerpoint/2010/main" val="387004172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ild_Ganzseiti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Bildplatzhalter 3"/>
          <p:cNvSpPr>
            <a:spLocks noGrp="1"/>
          </p:cNvSpPr>
          <p:nvPr>
            <p:ph type="pic" sz="quarter" idx="10"/>
          </p:nvPr>
        </p:nvSpPr>
        <p:spPr>
          <a:xfrm>
            <a:off x="1" y="0"/>
            <a:ext cx="9144000" cy="5143500"/>
          </a:xfrm>
        </p:spPr>
        <p:txBody>
          <a:bodyPr/>
          <a:lstStyle/>
          <a:p>
            <a:r>
              <a:rPr lang="de-DE" smtClean="0"/>
              <a:t>Bild durch Klicken auf Symbol hinzufügen</a:t>
            </a:r>
            <a:endParaRPr lang="de-AT"/>
          </a:p>
        </p:txBody>
      </p:sp>
    </p:spTree>
    <p:extLst>
      <p:ext uri="{BB962C8B-B14F-4D97-AF65-F5344CB8AC3E}">
        <p14:creationId xmlns:p14="http://schemas.microsoft.com/office/powerpoint/2010/main" val="261302805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Video_Ganzseiti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Medienplatzhalter 3"/>
          <p:cNvSpPr>
            <a:spLocks noGrp="1"/>
          </p:cNvSpPr>
          <p:nvPr>
            <p:ph type="media" sz="quarter" idx="10"/>
          </p:nvPr>
        </p:nvSpPr>
        <p:spPr>
          <a:xfrm>
            <a:off x="0" y="0"/>
            <a:ext cx="9144000" cy="5143500"/>
          </a:xfrm>
        </p:spPr>
        <p:txBody>
          <a:bodyPr/>
          <a:lstStyle/>
          <a:p>
            <a:r>
              <a:rPr lang="de-DE" smtClean="0"/>
              <a:t>Mediaclip durch Klicken auf Symbol hinzufügen</a:t>
            </a:r>
            <a:endParaRPr lang="de-AT"/>
          </a:p>
        </p:txBody>
      </p:sp>
    </p:spTree>
    <p:extLst>
      <p:ext uri="{BB962C8B-B14F-4D97-AF65-F5344CB8AC3E}">
        <p14:creationId xmlns:p14="http://schemas.microsoft.com/office/powerpoint/2010/main" val="3225062146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AMS Titelsei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rafik 1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35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Grafik 2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" y="3530204"/>
            <a:ext cx="9147175" cy="1619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Grafik 3"/>
          <p:cNvPicPr>
            <a:picLocks noChangeAspect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08814" y="4293394"/>
            <a:ext cx="1584325" cy="523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341093267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el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Grafik 7">
            <a:extLst>
              <a:ext uri="{FF2B5EF4-FFF2-40B4-BE49-F238E27FC236}">
                <a16:creationId xmlns:a16="http://schemas.microsoft.com/office/drawing/2014/main" id="{3D3C9F52-1D33-3046-9ED0-50E9F11219F6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334" r="5334"/>
          <a:stretch>
            <a:fillRect/>
          </a:stretch>
        </p:blipFill>
        <p:spPr bwMode="auto">
          <a:xfrm>
            <a:off x="0" y="-614363"/>
            <a:ext cx="9144000" cy="57578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Grafik 8">
            <a:extLst>
              <a:ext uri="{FF2B5EF4-FFF2-40B4-BE49-F238E27FC236}">
                <a16:creationId xmlns:a16="http://schemas.microsoft.com/office/drawing/2014/main" id="{97410B36-137D-0442-BFBE-B1285C24BEAD}"/>
              </a:ext>
            </a:extLst>
          </p:cNvPr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1340"/>
          <a:stretch>
            <a:fillRect/>
          </a:stretch>
        </p:blipFill>
        <p:spPr bwMode="auto">
          <a:xfrm>
            <a:off x="0" y="3294063"/>
            <a:ext cx="9144000" cy="18494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Grafik 12">
            <a:extLst>
              <a:ext uri="{FF2B5EF4-FFF2-40B4-BE49-F238E27FC236}">
                <a16:creationId xmlns:a16="http://schemas.microsoft.com/office/drawing/2014/main" id="{7602280B-6F92-EF42-9B82-F22DFB142286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21550" y="4135438"/>
            <a:ext cx="1427163" cy="6683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281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0" y="202451"/>
            <a:ext cx="8459788" cy="2585323"/>
          </a:xfrm>
        </p:spPr>
        <p:txBody>
          <a:bodyPr lIns="720000" anchor="b">
            <a:spAutoFit/>
          </a:bodyPr>
          <a:lstStyle>
            <a:lvl1pPr>
              <a:lnSpc>
                <a:spcPts val="6500"/>
              </a:lnSpc>
              <a:defRPr sz="5600" b="1" kern="0" spc="0" baseline="0">
                <a:solidFill>
                  <a:schemeClr val="bg1"/>
                </a:solidFill>
                <a:latin typeface="Arial" panose="020B0604020202020204" pitchFamily="34" charset="0"/>
              </a:defRPr>
            </a:lvl1pPr>
          </a:lstStyle>
          <a:p>
            <a:pPr lvl="0"/>
            <a:r>
              <a:rPr lang="de-DE" altLang="de-DE" noProof="0" dirty="0"/>
              <a:t>Titelmasterformat durch Klicken bearbeiten</a:t>
            </a:r>
          </a:p>
        </p:txBody>
      </p:sp>
      <p:sp>
        <p:nvSpPr>
          <p:cNvPr id="16281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" y="2787774"/>
            <a:ext cx="4716015" cy="643423"/>
          </a:xfrm>
          <a:solidFill>
            <a:srgbClr val="E4002D">
              <a:alpha val="85000"/>
            </a:srgbClr>
          </a:solidFill>
        </p:spPr>
        <p:txBody>
          <a:bodyPr lIns="720000" tIns="72000" bIns="108000" anchor="ctr">
            <a:spAutoFit/>
          </a:bodyPr>
          <a:lstStyle>
            <a:lvl1pPr marL="0" indent="0" algn="l">
              <a:buFont typeface="Wingdings" pitchFamily="2" charset="2"/>
              <a:buNone/>
              <a:defRPr sz="1500" baseline="0">
                <a:solidFill>
                  <a:schemeClr val="bg1"/>
                </a:solidFill>
                <a:latin typeface="Arial" panose="020B0604020202020204" pitchFamily="34" charset="0"/>
              </a:defRPr>
            </a:lvl1pPr>
          </a:lstStyle>
          <a:p>
            <a:pPr lvl="0"/>
            <a:r>
              <a:rPr lang="de-DE" altLang="de-DE" noProof="0" dirty="0"/>
              <a:t>Formatvorlage des Untertitelmasters durch Klicken bearbeiten</a:t>
            </a:r>
            <a:endParaRPr lang="de-AT" altLang="de-DE" noProof="0" dirty="0"/>
          </a:p>
        </p:txBody>
      </p:sp>
    </p:spTree>
    <p:extLst>
      <p:ext uri="{BB962C8B-B14F-4D97-AF65-F5344CB8AC3E}">
        <p14:creationId xmlns:p14="http://schemas.microsoft.com/office/powerpoint/2010/main" val="3022618051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720000" y="360000"/>
            <a:ext cx="7715250" cy="1005612"/>
          </a:xfrm>
        </p:spPr>
        <p:txBody>
          <a:bodyPr/>
          <a:lstStyle>
            <a:lvl1pPr>
              <a:lnSpc>
                <a:spcPct val="100000"/>
              </a:lnSpc>
              <a:defRPr sz="2800" baseline="0">
                <a:solidFill>
                  <a:srgbClr val="004F9F"/>
                </a:solidFill>
                <a:latin typeface="Arial" panose="020B0604020202020204" pitchFamily="34" charset="0"/>
              </a:defRPr>
            </a:lvl1pPr>
          </a:lstStyle>
          <a:p>
            <a:r>
              <a:rPr lang="de-DE" dirty="0"/>
              <a:t>Titelmasterformat durch Klicken bearbeiten</a:t>
            </a:r>
            <a:endParaRPr lang="de-AT" dirty="0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720001" y="1350000"/>
            <a:ext cx="7737475" cy="2753916"/>
          </a:xfrm>
        </p:spPr>
        <p:txBody>
          <a:bodyPr/>
          <a:lstStyle>
            <a:lvl1pPr>
              <a:defRPr sz="2400" baseline="0">
                <a:latin typeface="Arial" panose="020B0604020202020204" pitchFamily="34" charset="0"/>
              </a:defRPr>
            </a:lvl1pPr>
            <a:lvl2pPr>
              <a:defRPr baseline="0">
                <a:latin typeface="Arial" panose="020B0604020202020204" pitchFamily="34" charset="0"/>
              </a:defRPr>
            </a:lvl2pPr>
            <a:lvl3pPr>
              <a:defRPr baseline="0">
                <a:latin typeface="Arial" panose="020B0604020202020204" pitchFamily="34" charset="0"/>
              </a:defRPr>
            </a:lvl3pPr>
            <a:lvl4pPr>
              <a:defRPr baseline="0">
                <a:latin typeface="Arial" panose="020B0604020202020204" pitchFamily="34" charset="0"/>
              </a:defRPr>
            </a:lvl4pPr>
            <a:lvl5pPr>
              <a:defRPr baseline="0">
                <a:latin typeface="Arial" panose="020B0604020202020204" pitchFamily="34" charset="0"/>
              </a:defRPr>
            </a:lvl5pPr>
          </a:lstStyle>
          <a:p>
            <a:pPr lvl="0"/>
            <a:r>
              <a:rPr lang="de-DE" dirty="0"/>
              <a:t>Textmasterformat bearbeiten</a:t>
            </a:r>
          </a:p>
          <a:p>
            <a:pPr lvl="1"/>
            <a:r>
              <a:rPr lang="de-DE" dirty="0"/>
              <a:t>Zweite Ebene</a:t>
            </a:r>
          </a:p>
          <a:p>
            <a:pPr lvl="2"/>
            <a:r>
              <a:rPr lang="de-DE" dirty="0"/>
              <a:t>Dritte Ebene</a:t>
            </a:r>
          </a:p>
          <a:p>
            <a:pPr lvl="3"/>
            <a:r>
              <a:rPr lang="de-DE" dirty="0"/>
              <a:t>Vierte Ebene</a:t>
            </a:r>
          </a:p>
          <a:p>
            <a:pPr lvl="4"/>
            <a:r>
              <a:rPr lang="de-DE" dirty="0"/>
              <a:t>Fünfte Ebene</a:t>
            </a:r>
            <a:endParaRPr lang="de-AT" dirty="0"/>
          </a:p>
        </p:txBody>
      </p:sp>
      <p:sp>
        <p:nvSpPr>
          <p:cNvPr id="4" name="Foliennummernplatzhalter 11">
            <a:extLst>
              <a:ext uri="{FF2B5EF4-FFF2-40B4-BE49-F238E27FC236}">
                <a16:creationId xmlns:a16="http://schemas.microsoft.com/office/drawing/2014/main" id="{F88C913A-A885-1046-AF5C-1BC4EFB850A1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>
          <a:xfrm>
            <a:off x="720725" y="4746625"/>
            <a:ext cx="2133600" cy="2730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E243F5A-F242-E14D-9211-C5112284C2E7}" type="slidenum">
              <a:rPr lang="de-AT" altLang="de-DE"/>
              <a:pPr>
                <a:defRPr/>
              </a:pPr>
              <a:t>‹Nr.›</a:t>
            </a:fld>
            <a:endParaRPr lang="de-AT" altLang="de-DE"/>
          </a:p>
        </p:txBody>
      </p:sp>
    </p:spTree>
    <p:extLst>
      <p:ext uri="{BB962C8B-B14F-4D97-AF65-F5344CB8AC3E}">
        <p14:creationId xmlns:p14="http://schemas.microsoft.com/office/powerpoint/2010/main" val="1061357255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enutzerdefiniertes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25E5D72-105E-F74E-AA07-4D4166C1CBB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20725" y="360000"/>
            <a:ext cx="7715250" cy="787400"/>
          </a:xfrm>
        </p:spPr>
        <p:txBody>
          <a:bodyPr/>
          <a:lstStyle>
            <a:lvl1pPr>
              <a:defRPr sz="2800" baseline="0">
                <a:latin typeface="Arial" panose="020B0604020202020204" pitchFamily="34" charset="0"/>
              </a:defRPr>
            </a:lvl1pPr>
          </a:lstStyle>
          <a:p>
            <a:r>
              <a:rPr lang="de-DE" dirty="0"/>
              <a:t>Mastertitelformat bearbeiten</a:t>
            </a:r>
          </a:p>
        </p:txBody>
      </p:sp>
      <p:sp>
        <p:nvSpPr>
          <p:cNvPr id="3" name="Foliennummernplatzhalter 2">
            <a:extLst>
              <a:ext uri="{FF2B5EF4-FFF2-40B4-BE49-F238E27FC236}">
                <a16:creationId xmlns:a16="http://schemas.microsoft.com/office/drawing/2014/main" id="{0B531844-D568-474F-A19B-48AC0FAA8F98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631595-6CFC-4795-8C29-64F9832CBA15}" type="slidenum">
              <a:rPr lang="de-AT" altLang="de-DE" smtClean="0"/>
              <a:pPr/>
              <a:t>‹Nr.›</a:t>
            </a:fld>
            <a:endParaRPr lang="de-AT" altLang="de-DE"/>
          </a:p>
        </p:txBody>
      </p:sp>
    </p:spTree>
    <p:extLst>
      <p:ext uri="{BB962C8B-B14F-4D97-AF65-F5344CB8AC3E}">
        <p14:creationId xmlns:p14="http://schemas.microsoft.com/office/powerpoint/2010/main" val="3470929001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le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nummernplatzhalter 11">
            <a:extLst>
              <a:ext uri="{FF2B5EF4-FFF2-40B4-BE49-F238E27FC236}">
                <a16:creationId xmlns:a16="http://schemas.microsoft.com/office/drawing/2014/main" id="{525F8B26-0D0F-5F44-9113-9353AE839DE8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>
          <a:xfrm>
            <a:off x="720725" y="4746625"/>
            <a:ext cx="2133600" cy="273050"/>
          </a:xfrm>
          <a:noFill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F804C54-BF13-5242-B4EC-2D3AE39B7F2C}" type="slidenum">
              <a:rPr lang="de-AT" altLang="de-DE"/>
              <a:pPr>
                <a:defRPr/>
              </a:pPr>
              <a:t>‹Nr.›</a:t>
            </a:fld>
            <a:endParaRPr lang="de-AT" altLang="de-DE"/>
          </a:p>
        </p:txBody>
      </p:sp>
    </p:spTree>
    <p:extLst>
      <p:ext uri="{BB962C8B-B14F-4D97-AF65-F5344CB8AC3E}">
        <p14:creationId xmlns:p14="http://schemas.microsoft.com/office/powerpoint/2010/main" val="261581209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MS Titelsei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rafik 1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35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Grafik 2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" y="3530204"/>
            <a:ext cx="9147175" cy="1619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Grafik 3"/>
          <p:cNvPicPr>
            <a:picLocks noChangeAspect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08814" y="4293394"/>
            <a:ext cx="1584325" cy="523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34116122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MS 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rafik 1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544491"/>
            <a:ext cx="9144000" cy="1619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Grafik 2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0289" y="4441031"/>
            <a:ext cx="1368425" cy="4524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742810123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el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Grafik 7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334" r="5334"/>
          <a:stretch>
            <a:fillRect/>
          </a:stretch>
        </p:blipFill>
        <p:spPr bwMode="auto">
          <a:xfrm>
            <a:off x="0" y="-614363"/>
            <a:ext cx="9144000" cy="57578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Grafik 8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1340"/>
          <a:stretch>
            <a:fillRect/>
          </a:stretch>
        </p:blipFill>
        <p:spPr bwMode="auto">
          <a:xfrm>
            <a:off x="0" y="3294063"/>
            <a:ext cx="9144000" cy="18494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Grafik 12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21550" y="4135438"/>
            <a:ext cx="1427163" cy="6683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281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0" y="202451"/>
            <a:ext cx="8459788" cy="2585323"/>
          </a:xfrm>
        </p:spPr>
        <p:txBody>
          <a:bodyPr lIns="720000" anchor="b">
            <a:spAutoFit/>
          </a:bodyPr>
          <a:lstStyle>
            <a:lvl1pPr>
              <a:lnSpc>
                <a:spcPts val="6500"/>
              </a:lnSpc>
              <a:defRPr sz="5600" b="1" kern="0" spc="0" baseline="0">
                <a:solidFill>
                  <a:schemeClr val="bg1"/>
                </a:solidFill>
                <a:latin typeface="Arial" panose="020B0604020202020204" pitchFamily="34" charset="0"/>
              </a:defRPr>
            </a:lvl1pPr>
          </a:lstStyle>
          <a:p>
            <a:pPr lvl="0"/>
            <a:r>
              <a:rPr lang="de-DE" altLang="de-DE" noProof="0" dirty="0"/>
              <a:t>Titelmasterformat durch Klicken bearbeiten</a:t>
            </a:r>
          </a:p>
        </p:txBody>
      </p:sp>
      <p:sp>
        <p:nvSpPr>
          <p:cNvPr id="16281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" y="2787774"/>
            <a:ext cx="4716015" cy="643423"/>
          </a:xfrm>
          <a:solidFill>
            <a:srgbClr val="E4002D">
              <a:alpha val="85000"/>
            </a:srgbClr>
          </a:solidFill>
        </p:spPr>
        <p:txBody>
          <a:bodyPr lIns="720000" tIns="72000" bIns="108000" anchor="ctr">
            <a:spAutoFit/>
          </a:bodyPr>
          <a:lstStyle>
            <a:lvl1pPr marL="0" indent="0" algn="l">
              <a:buFont typeface="Wingdings" pitchFamily="2" charset="2"/>
              <a:buNone/>
              <a:defRPr sz="1500" baseline="0">
                <a:solidFill>
                  <a:schemeClr val="bg1"/>
                </a:solidFill>
                <a:latin typeface="Arial" panose="020B0604020202020204" pitchFamily="34" charset="0"/>
              </a:defRPr>
            </a:lvl1pPr>
          </a:lstStyle>
          <a:p>
            <a:pPr lvl="0"/>
            <a:r>
              <a:rPr lang="de-DE" altLang="de-DE" noProof="0" dirty="0"/>
              <a:t>Formatvorlage des Untertitelmasters durch Klicken bearbeiten</a:t>
            </a:r>
            <a:endParaRPr lang="de-AT" altLang="de-DE" noProof="0" dirty="0"/>
          </a:p>
        </p:txBody>
      </p:sp>
    </p:spTree>
    <p:extLst>
      <p:ext uri="{BB962C8B-B14F-4D97-AF65-F5344CB8AC3E}">
        <p14:creationId xmlns:p14="http://schemas.microsoft.com/office/powerpoint/2010/main" val="353111888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tandard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9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148013"/>
            <a:ext cx="9144000" cy="2159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720000" y="324001"/>
            <a:ext cx="7715250" cy="1005612"/>
          </a:xfrm>
        </p:spPr>
        <p:txBody>
          <a:bodyPr/>
          <a:lstStyle>
            <a:lvl1pPr>
              <a:lnSpc>
                <a:spcPct val="100000"/>
              </a:lnSpc>
              <a:defRPr sz="3000" baseline="0">
                <a:solidFill>
                  <a:srgbClr val="E4002D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AT" dirty="0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720001" y="1350000"/>
            <a:ext cx="7737475" cy="2753916"/>
          </a:xfrm>
        </p:spPr>
        <p:txBody>
          <a:bodyPr/>
          <a:lstStyle/>
          <a:p>
            <a:pPr lvl="0"/>
            <a:r>
              <a:rPr lang="de-DE" smtClean="0"/>
              <a:t>Formatvorlagen des Textmasters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AT" dirty="0"/>
          </a:p>
        </p:txBody>
      </p:sp>
      <p:pic>
        <p:nvPicPr>
          <p:cNvPr id="6" name="Grafik 12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18425" y="4321175"/>
            <a:ext cx="1030288" cy="482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Foliennummernplatzhalter 11"/>
          <p:cNvSpPr>
            <a:spLocks noGrp="1"/>
          </p:cNvSpPr>
          <p:nvPr>
            <p:ph type="sldNum" sz="quarter" idx="10"/>
          </p:nvPr>
        </p:nvSpPr>
        <p:spPr>
          <a:xfrm>
            <a:off x="720725" y="4746625"/>
            <a:ext cx="2133600" cy="273050"/>
          </a:xfrm>
          <a:prstGeom prst="rect">
            <a:avLst/>
          </a:prstGeom>
        </p:spPr>
        <p:txBody>
          <a:bodyPr/>
          <a:lstStyle>
            <a:lvl1pPr>
              <a:defRPr sz="1200"/>
            </a:lvl1pPr>
          </a:lstStyle>
          <a:p>
            <a:fld id="{8A1F29C7-6FA0-422E-97D0-48383513824F}" type="slidenum">
              <a:rPr lang="de-AT" altLang="de-DE" smtClean="0"/>
              <a:pPr/>
              <a:t>‹Nr.›</a:t>
            </a:fld>
            <a:endParaRPr lang="de-AT" altLang="de-DE" dirty="0"/>
          </a:p>
        </p:txBody>
      </p:sp>
    </p:spTree>
    <p:extLst>
      <p:ext uri="{BB962C8B-B14F-4D97-AF65-F5344CB8AC3E}">
        <p14:creationId xmlns:p14="http://schemas.microsoft.com/office/powerpoint/2010/main" val="2189133554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720000" y="324001"/>
            <a:ext cx="7715250" cy="1005612"/>
          </a:xfrm>
        </p:spPr>
        <p:txBody>
          <a:bodyPr/>
          <a:lstStyle>
            <a:lvl1pPr>
              <a:lnSpc>
                <a:spcPct val="100000"/>
              </a:lnSpc>
              <a:defRPr sz="3000" baseline="0">
                <a:solidFill>
                  <a:srgbClr val="004F9F"/>
                </a:solidFill>
                <a:latin typeface="Arial" panose="020B0604020202020204" pitchFamily="34" charset="0"/>
              </a:defRPr>
            </a:lvl1pPr>
          </a:lstStyle>
          <a:p>
            <a:r>
              <a:rPr lang="de-DE" dirty="0"/>
              <a:t>Titelmasterformat durch Klicken bearbeiten</a:t>
            </a:r>
            <a:endParaRPr lang="de-AT" dirty="0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720001" y="1350000"/>
            <a:ext cx="7737475" cy="2753916"/>
          </a:xfrm>
        </p:spPr>
        <p:txBody>
          <a:bodyPr/>
          <a:lstStyle>
            <a:lvl1pPr>
              <a:defRPr sz="2400" baseline="0">
                <a:latin typeface="Arial" panose="020B0604020202020204" pitchFamily="34" charset="0"/>
              </a:defRPr>
            </a:lvl1pPr>
            <a:lvl2pPr>
              <a:defRPr baseline="0">
                <a:latin typeface="Arial" panose="020B0604020202020204" pitchFamily="34" charset="0"/>
              </a:defRPr>
            </a:lvl2pPr>
            <a:lvl3pPr>
              <a:defRPr baseline="0">
                <a:latin typeface="Arial" panose="020B0604020202020204" pitchFamily="34" charset="0"/>
              </a:defRPr>
            </a:lvl3pPr>
            <a:lvl4pPr>
              <a:defRPr baseline="0">
                <a:latin typeface="Arial" panose="020B0604020202020204" pitchFamily="34" charset="0"/>
              </a:defRPr>
            </a:lvl4pPr>
            <a:lvl5pPr>
              <a:defRPr baseline="0">
                <a:latin typeface="Arial" panose="020B0604020202020204" pitchFamily="34" charset="0"/>
              </a:defRPr>
            </a:lvl5pPr>
          </a:lstStyle>
          <a:p>
            <a:pPr lvl="0"/>
            <a:r>
              <a:rPr lang="de-DE" dirty="0"/>
              <a:t>Textmasterformat bearbeiten</a:t>
            </a:r>
          </a:p>
          <a:p>
            <a:pPr lvl="1"/>
            <a:r>
              <a:rPr lang="de-DE" dirty="0"/>
              <a:t>Zweite Ebene</a:t>
            </a:r>
          </a:p>
          <a:p>
            <a:pPr lvl="2"/>
            <a:r>
              <a:rPr lang="de-DE" dirty="0"/>
              <a:t>Dritte Ebene</a:t>
            </a:r>
          </a:p>
          <a:p>
            <a:pPr lvl="3"/>
            <a:r>
              <a:rPr lang="de-DE" dirty="0"/>
              <a:t>Vierte Ebene</a:t>
            </a:r>
          </a:p>
          <a:p>
            <a:pPr lvl="4"/>
            <a:r>
              <a:rPr lang="de-DE" dirty="0"/>
              <a:t>Fünfte Ebene</a:t>
            </a:r>
            <a:endParaRPr lang="de-AT" dirty="0"/>
          </a:p>
        </p:txBody>
      </p:sp>
      <p:sp>
        <p:nvSpPr>
          <p:cNvPr id="4" name="Foliennummernplatzhalter 11"/>
          <p:cNvSpPr>
            <a:spLocks noGrp="1"/>
          </p:cNvSpPr>
          <p:nvPr>
            <p:ph type="sldNum" sz="quarter" idx="10"/>
          </p:nvPr>
        </p:nvSpPr>
        <p:spPr>
          <a:xfrm>
            <a:off x="720725" y="4746625"/>
            <a:ext cx="2133600" cy="273050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95AD4CFC-7A35-4CEA-B047-1D06202F8FA3}" type="slidenum">
              <a:rPr lang="de-AT" altLang="de-DE"/>
              <a:pPr>
                <a:defRPr/>
              </a:pPr>
              <a:t>‹Nr.›</a:t>
            </a:fld>
            <a:endParaRPr lang="de-AT" altLang="de-DE"/>
          </a:p>
        </p:txBody>
      </p:sp>
    </p:spTree>
    <p:extLst>
      <p:ext uri="{BB962C8B-B14F-4D97-AF65-F5344CB8AC3E}">
        <p14:creationId xmlns:p14="http://schemas.microsoft.com/office/powerpoint/2010/main" val="2417240173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le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nummernplatzhalter 11"/>
          <p:cNvSpPr>
            <a:spLocks noGrp="1"/>
          </p:cNvSpPr>
          <p:nvPr>
            <p:ph type="sldNum" sz="quarter" idx="10"/>
          </p:nvPr>
        </p:nvSpPr>
        <p:spPr>
          <a:xfrm>
            <a:off x="720725" y="4746625"/>
            <a:ext cx="2133600" cy="273050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2BB6E5EC-CA87-480C-BF9C-65A1A6D08C47}" type="slidenum">
              <a:rPr lang="de-AT" altLang="de-DE"/>
              <a:pPr>
                <a:defRPr/>
              </a:pPr>
              <a:t>‹Nr.›</a:t>
            </a:fld>
            <a:endParaRPr lang="de-AT" altLang="de-DE"/>
          </a:p>
        </p:txBody>
      </p:sp>
    </p:spTree>
    <p:extLst>
      <p:ext uri="{BB962C8B-B14F-4D97-AF65-F5344CB8AC3E}">
        <p14:creationId xmlns:p14="http://schemas.microsoft.com/office/powerpoint/2010/main" val="422321419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Kapit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hteck 2"/>
          <p:cNvSpPr>
            <a:spLocks noChangeArrowheads="1"/>
          </p:cNvSpPr>
          <p:nvPr userDrawn="1"/>
        </p:nvSpPr>
        <p:spPr bwMode="auto">
          <a:xfrm>
            <a:off x="0" y="0"/>
            <a:ext cx="9144000" cy="5143500"/>
          </a:xfrm>
          <a:prstGeom prst="rect">
            <a:avLst/>
          </a:prstGeom>
          <a:gradFill>
            <a:gsLst>
              <a:gs pos="0">
                <a:schemeClr val="bg1"/>
              </a:gs>
              <a:gs pos="100000">
                <a:srgbClr val="DDE0E6"/>
              </a:gs>
            </a:gsLst>
            <a:lin ang="5400000" scaled="0"/>
          </a:gradFill>
          <a:ln>
            <a:noFill/>
          </a:ln>
        </p:spPr>
        <p:txBody>
          <a:bodyPr lIns="90488" tIns="44450" rIns="90488" bIns="44450" anchor="ctr"/>
          <a:lstStyle>
            <a:lvl1pPr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1pPr>
            <a:lvl2pPr marL="742950" indent="-28575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2pPr>
            <a:lvl3pPr marL="11430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3pPr>
            <a:lvl4pPr marL="16002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4pPr>
            <a:lvl5pPr marL="20574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9pPr>
          </a:lstStyle>
          <a:p>
            <a:pPr eaLnBrk="1" hangingPunct="1">
              <a:defRPr/>
            </a:pPr>
            <a:endParaRPr lang="de-DE" altLang="de-DE"/>
          </a:p>
        </p:txBody>
      </p:sp>
      <p:sp>
        <p:nvSpPr>
          <p:cNvPr id="4" name="Parallelogramm 6"/>
          <p:cNvSpPr>
            <a:spLocks noChangeAspect="1"/>
          </p:cNvSpPr>
          <p:nvPr userDrawn="1"/>
        </p:nvSpPr>
        <p:spPr bwMode="auto">
          <a:xfrm rot="10800000" flipH="1">
            <a:off x="1588" y="-1588"/>
            <a:ext cx="3760787" cy="5145088"/>
          </a:xfrm>
          <a:custGeom>
            <a:avLst/>
            <a:gdLst>
              <a:gd name="T0" fmla="*/ 0 w 3765233"/>
              <a:gd name="T1" fmla="*/ 5132045 h 5151120"/>
              <a:gd name="T2" fmla="*/ 10447 w 3765233"/>
              <a:gd name="T3" fmla="*/ 0 h 5151120"/>
              <a:gd name="T4" fmla="*/ 1218965 w 3765233"/>
              <a:gd name="T5" fmla="*/ 0 h 5151120"/>
              <a:gd name="T6" fmla="*/ 3752778 w 3765233"/>
              <a:gd name="T7" fmla="*/ 5132045 h 5151120"/>
              <a:gd name="T8" fmla="*/ 0 w 3765233"/>
              <a:gd name="T9" fmla="*/ 5132045 h 5151120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0" t="0" r="r" b="b"/>
            <a:pathLst>
              <a:path w="3765233" h="5151120">
                <a:moveTo>
                  <a:pt x="0" y="5151120"/>
                </a:moveTo>
                <a:cubicBezTo>
                  <a:pt x="6033" y="3436620"/>
                  <a:pt x="4445" y="1714500"/>
                  <a:pt x="10478" y="0"/>
                </a:cubicBezTo>
                <a:lnTo>
                  <a:pt x="1223010" y="0"/>
                </a:lnTo>
                <a:lnTo>
                  <a:pt x="3765233" y="5151120"/>
                </a:lnTo>
                <a:lnTo>
                  <a:pt x="0" y="5151120"/>
                </a:lnTo>
                <a:close/>
              </a:path>
            </a:pathLst>
          </a:custGeom>
          <a:gradFill rotWithShape="0">
            <a:gsLst>
              <a:gs pos="0">
                <a:schemeClr val="bg1"/>
              </a:gs>
              <a:gs pos="100000">
                <a:srgbClr val="DDE0E6"/>
              </a:gs>
            </a:gsLst>
            <a:lin ang="9000000"/>
          </a:gra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lIns="90488" tIns="44450" rIns="90488" bIns="44450" anchor="ctr"/>
          <a:lstStyle/>
          <a:p>
            <a:endParaRPr lang="de-DE"/>
          </a:p>
        </p:txBody>
      </p:sp>
      <p:sp>
        <p:nvSpPr>
          <p:cNvPr id="5" name="Parallelogramm 6"/>
          <p:cNvSpPr>
            <a:spLocks/>
          </p:cNvSpPr>
          <p:nvPr userDrawn="1"/>
        </p:nvSpPr>
        <p:spPr bwMode="auto">
          <a:xfrm flipH="1">
            <a:off x="5378450" y="0"/>
            <a:ext cx="3765550" cy="5151438"/>
          </a:xfrm>
          <a:custGeom>
            <a:avLst/>
            <a:gdLst>
              <a:gd name="T0" fmla="*/ 0 w 3765233"/>
              <a:gd name="T1" fmla="*/ 5158116 h 5151120"/>
              <a:gd name="T2" fmla="*/ 10500 w 3765233"/>
              <a:gd name="T3" fmla="*/ 0 h 5151120"/>
              <a:gd name="T4" fmla="*/ 1225276 w 3765233"/>
              <a:gd name="T5" fmla="*/ 0 h 5151120"/>
              <a:gd name="T6" fmla="*/ 3772210 w 3765233"/>
              <a:gd name="T7" fmla="*/ 5158116 h 5151120"/>
              <a:gd name="T8" fmla="*/ 0 w 3765233"/>
              <a:gd name="T9" fmla="*/ 5158116 h 5151120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0" t="0" r="r" b="b"/>
            <a:pathLst>
              <a:path w="3765233" h="5151120">
                <a:moveTo>
                  <a:pt x="0" y="5151120"/>
                </a:moveTo>
                <a:cubicBezTo>
                  <a:pt x="6033" y="3436620"/>
                  <a:pt x="4445" y="1714500"/>
                  <a:pt x="10478" y="0"/>
                </a:cubicBezTo>
                <a:lnTo>
                  <a:pt x="1223010" y="0"/>
                </a:lnTo>
                <a:lnTo>
                  <a:pt x="3765233" y="5151120"/>
                </a:lnTo>
                <a:lnTo>
                  <a:pt x="0" y="5151120"/>
                </a:lnTo>
                <a:close/>
              </a:path>
            </a:pathLst>
          </a:custGeom>
          <a:gradFill rotWithShape="0">
            <a:gsLst>
              <a:gs pos="0">
                <a:schemeClr val="bg1"/>
              </a:gs>
              <a:gs pos="100000">
                <a:srgbClr val="DDE0E6"/>
              </a:gs>
            </a:gsLst>
            <a:lin ang="0"/>
          </a:gra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lIns="90488" tIns="44450" rIns="90488" bIns="44450" anchor="ctr"/>
          <a:lstStyle/>
          <a:p>
            <a:endParaRPr lang="de-DE"/>
          </a:p>
        </p:txBody>
      </p:sp>
      <p:sp>
        <p:nvSpPr>
          <p:cNvPr id="6" name="Rechtwinkliges Dreieck 5"/>
          <p:cNvSpPr>
            <a:spLocks noChangeArrowheads="1"/>
          </p:cNvSpPr>
          <p:nvPr userDrawn="1"/>
        </p:nvSpPr>
        <p:spPr bwMode="auto">
          <a:xfrm flipH="1">
            <a:off x="6570663" y="0"/>
            <a:ext cx="2571750" cy="5143500"/>
          </a:xfrm>
          <a:prstGeom prst="rtTriangle">
            <a:avLst/>
          </a:prstGeom>
          <a:gradFill rotWithShape="0">
            <a:gsLst>
              <a:gs pos="0">
                <a:schemeClr val="bg1"/>
              </a:gs>
              <a:gs pos="100000">
                <a:srgbClr val="DDE0E6"/>
              </a:gs>
            </a:gsLst>
            <a:lin ang="0" scaled="0"/>
          </a:gradFill>
          <a:ln>
            <a:noFill/>
          </a:ln>
        </p:spPr>
        <p:txBody>
          <a:bodyPr lIns="90488" tIns="44450" rIns="90488" bIns="44450" anchor="ctr"/>
          <a:lstStyle>
            <a:lvl1pPr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1pPr>
            <a:lvl2pPr marL="742950" indent="-28575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2pPr>
            <a:lvl3pPr marL="11430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3pPr>
            <a:lvl4pPr marL="16002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4pPr>
            <a:lvl5pPr marL="20574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9pPr>
          </a:lstStyle>
          <a:p>
            <a:pPr eaLnBrk="1" hangingPunct="1">
              <a:defRPr/>
            </a:pPr>
            <a:endParaRPr lang="de-DE" altLang="de-DE"/>
          </a:p>
        </p:txBody>
      </p:sp>
      <p:sp>
        <p:nvSpPr>
          <p:cNvPr id="7" name="Rechtwinkliges Dreieck 6"/>
          <p:cNvSpPr>
            <a:spLocks noChangeArrowheads="1"/>
          </p:cNvSpPr>
          <p:nvPr userDrawn="1"/>
        </p:nvSpPr>
        <p:spPr bwMode="auto">
          <a:xfrm rot="10800000" flipH="1">
            <a:off x="0" y="0"/>
            <a:ext cx="2571750" cy="5143500"/>
          </a:xfrm>
          <a:prstGeom prst="rtTriangle">
            <a:avLst/>
          </a:prstGeom>
          <a:gradFill rotWithShape="0">
            <a:gsLst>
              <a:gs pos="0">
                <a:srgbClr val="DDE0E6"/>
              </a:gs>
              <a:gs pos="100000">
                <a:schemeClr val="bg1"/>
              </a:gs>
            </a:gsLst>
            <a:lin ang="0" scaled="0"/>
          </a:gradFill>
          <a:ln>
            <a:noFill/>
          </a:ln>
        </p:spPr>
        <p:txBody>
          <a:bodyPr lIns="90488" tIns="44450" rIns="90488" bIns="44450" anchor="ctr"/>
          <a:lstStyle>
            <a:lvl1pPr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1pPr>
            <a:lvl2pPr marL="742950" indent="-28575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2pPr>
            <a:lvl3pPr marL="11430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3pPr>
            <a:lvl4pPr marL="16002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4pPr>
            <a:lvl5pPr marL="20574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9pPr>
          </a:lstStyle>
          <a:p>
            <a:pPr eaLnBrk="1" hangingPunct="1">
              <a:defRPr/>
            </a:pPr>
            <a:endParaRPr lang="de-DE" altLang="de-DE"/>
          </a:p>
        </p:txBody>
      </p:sp>
      <p:sp>
        <p:nvSpPr>
          <p:cNvPr id="8" name="Titel 1"/>
          <p:cNvSpPr>
            <a:spLocks noGrp="1"/>
          </p:cNvSpPr>
          <p:nvPr>
            <p:ph type="title"/>
          </p:nvPr>
        </p:nvSpPr>
        <p:spPr>
          <a:xfrm>
            <a:off x="1671079" y="1995236"/>
            <a:ext cx="5801841" cy="1152128"/>
          </a:xfrm>
        </p:spPr>
        <p:txBody>
          <a:bodyPr/>
          <a:lstStyle>
            <a:lvl1pPr algn="ctr">
              <a:lnSpc>
                <a:spcPct val="100000"/>
              </a:lnSpc>
              <a:defRPr sz="3600" baseline="0">
                <a:solidFill>
                  <a:srgbClr val="004F9F"/>
                </a:solidFill>
                <a:latin typeface="Arial" panose="020B0604020202020204" pitchFamily="34" charset="0"/>
              </a:defRPr>
            </a:lvl1pPr>
          </a:lstStyle>
          <a:p>
            <a:r>
              <a:rPr lang="de-DE" dirty="0"/>
              <a:t>Titelmasterformat durch Klicken bearbeiten</a:t>
            </a:r>
            <a:endParaRPr lang="de-AT" dirty="0"/>
          </a:p>
        </p:txBody>
      </p:sp>
      <p:sp>
        <p:nvSpPr>
          <p:cNvPr id="9" name="Foliennummernplatzhalter 11"/>
          <p:cNvSpPr>
            <a:spLocks noGrp="1"/>
          </p:cNvSpPr>
          <p:nvPr>
            <p:ph type="sldNum" sz="quarter" idx="10"/>
          </p:nvPr>
        </p:nvSpPr>
        <p:spPr>
          <a:xfrm>
            <a:off x="720725" y="4746625"/>
            <a:ext cx="2133600" cy="273050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9A2EE500-166B-43D7-8359-BB49B511A300}" type="slidenum">
              <a:rPr lang="de-AT" altLang="de-DE"/>
              <a:pPr>
                <a:defRPr/>
              </a:pPr>
              <a:t>‹Nr.›</a:t>
            </a:fld>
            <a:endParaRPr lang="de-AT" altLang="de-DE"/>
          </a:p>
        </p:txBody>
      </p:sp>
    </p:spTree>
    <p:extLst>
      <p:ext uri="{BB962C8B-B14F-4D97-AF65-F5344CB8AC3E}">
        <p14:creationId xmlns:p14="http://schemas.microsoft.com/office/powerpoint/2010/main" val="399677052"/>
      </p:ext>
    </p:extLst>
  </p:cSld>
  <p:clrMapOvr>
    <a:masterClrMapping/>
  </p:clrMapOvr>
  <p:transition spd="slow"/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Benutzerdefiniertes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25E5D72-105E-F74E-AA07-4D4166C1CBB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20725" y="360000"/>
            <a:ext cx="7715250" cy="787400"/>
          </a:xfrm>
        </p:spPr>
        <p:txBody>
          <a:bodyPr/>
          <a:lstStyle>
            <a:lvl1pPr>
              <a:defRPr sz="2800" spc="0" baseline="0">
                <a:solidFill>
                  <a:srgbClr val="004F9F"/>
                </a:solidFill>
                <a:latin typeface="Arial" panose="020B0604020202020204" pitchFamily="34" charset="0"/>
              </a:defRPr>
            </a:lvl1pPr>
          </a:lstStyle>
          <a:p>
            <a:r>
              <a:rPr lang="de-DE" dirty="0"/>
              <a:t>Mastertitelformat bearbeiten</a:t>
            </a:r>
          </a:p>
        </p:txBody>
      </p:sp>
      <p:sp>
        <p:nvSpPr>
          <p:cNvPr id="3" name="Foliennummernplatzhalter 2">
            <a:extLst>
              <a:ext uri="{FF2B5EF4-FFF2-40B4-BE49-F238E27FC236}">
                <a16:creationId xmlns:a16="http://schemas.microsoft.com/office/drawing/2014/main" id="{0B531844-D568-474F-A19B-48AC0FAA8F98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631595-6CFC-4795-8C29-64F9832CBA15}" type="slidenum">
              <a:rPr lang="de-AT" altLang="de-DE" smtClean="0"/>
              <a:pPr/>
              <a:t>‹Nr.›</a:t>
            </a:fld>
            <a:endParaRPr lang="de-AT" altLang="de-DE"/>
          </a:p>
        </p:txBody>
      </p:sp>
    </p:spTree>
    <p:extLst>
      <p:ext uri="{BB962C8B-B14F-4D97-AF65-F5344CB8AC3E}">
        <p14:creationId xmlns:p14="http://schemas.microsoft.com/office/powerpoint/2010/main" val="1513288023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AMS 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rafik 1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544491"/>
            <a:ext cx="9144000" cy="1619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Grafik 2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0289" y="4441031"/>
            <a:ext cx="1368425" cy="4524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4" name="Grafik 108">
            <a:extLst>
              <a:ext uri="{FF2B5EF4-FFF2-40B4-BE49-F238E27FC236}">
                <a16:creationId xmlns:a16="http://schemas.microsoft.com/office/drawing/2014/main" id="{0C8EBC2F-3AD9-198E-307B-899C98855179}"/>
              </a:ext>
            </a:extLst>
          </p:cNvPr>
          <p:cNvGrpSpPr/>
          <p:nvPr userDrawn="1"/>
        </p:nvGrpSpPr>
        <p:grpSpPr>
          <a:xfrm>
            <a:off x="1187624" y="483518"/>
            <a:ext cx="5328593" cy="3745578"/>
            <a:chOff x="1654175" y="0"/>
            <a:chExt cx="5835792" cy="5145214"/>
          </a:xfrm>
          <a:solidFill>
            <a:srgbClr val="DDE0E6"/>
          </a:solidFill>
        </p:grpSpPr>
        <p:sp>
          <p:nvSpPr>
            <p:cNvPr id="5" name="Freihandform 4">
              <a:extLst>
                <a:ext uri="{FF2B5EF4-FFF2-40B4-BE49-F238E27FC236}">
                  <a16:creationId xmlns:a16="http://schemas.microsoft.com/office/drawing/2014/main" id="{2A62767E-9382-9C73-2DCF-2F125D1FF558}"/>
                </a:ext>
              </a:extLst>
            </p:cNvPr>
            <p:cNvSpPr/>
            <p:nvPr/>
          </p:nvSpPr>
          <p:spPr>
            <a:xfrm>
              <a:off x="4254275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" name="Freihandform 5">
              <a:extLst>
                <a:ext uri="{FF2B5EF4-FFF2-40B4-BE49-F238E27FC236}">
                  <a16:creationId xmlns:a16="http://schemas.microsoft.com/office/drawing/2014/main" id="{230B4B4D-79B0-A9F6-E28B-40945AD0B2E4}"/>
                </a:ext>
              </a:extLst>
            </p:cNvPr>
            <p:cNvSpPr/>
            <p:nvPr/>
          </p:nvSpPr>
          <p:spPr>
            <a:xfrm>
              <a:off x="4427584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" name="Freihandform 6">
              <a:extLst>
                <a:ext uri="{FF2B5EF4-FFF2-40B4-BE49-F238E27FC236}">
                  <a16:creationId xmlns:a16="http://schemas.microsoft.com/office/drawing/2014/main" id="{31603051-0C16-3678-125D-88789FCAAA4B}"/>
                </a:ext>
              </a:extLst>
            </p:cNvPr>
            <p:cNvSpPr/>
            <p:nvPr/>
          </p:nvSpPr>
          <p:spPr>
            <a:xfrm>
              <a:off x="4254275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" name="Freihandform 7">
              <a:extLst>
                <a:ext uri="{FF2B5EF4-FFF2-40B4-BE49-F238E27FC236}">
                  <a16:creationId xmlns:a16="http://schemas.microsoft.com/office/drawing/2014/main" id="{F4BDE4C6-EDB4-5424-1653-434F7DF79A89}"/>
                </a:ext>
              </a:extLst>
            </p:cNvPr>
            <p:cNvSpPr/>
            <p:nvPr/>
          </p:nvSpPr>
          <p:spPr>
            <a:xfrm>
              <a:off x="4427584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" name="Freihandform 8">
              <a:extLst>
                <a:ext uri="{FF2B5EF4-FFF2-40B4-BE49-F238E27FC236}">
                  <a16:creationId xmlns:a16="http://schemas.microsoft.com/office/drawing/2014/main" id="{18403BED-6179-C5FB-0927-EB8931AAF8B3}"/>
                </a:ext>
              </a:extLst>
            </p:cNvPr>
            <p:cNvSpPr/>
            <p:nvPr/>
          </p:nvSpPr>
          <p:spPr>
            <a:xfrm>
              <a:off x="4254275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" name="Freihandform 9">
              <a:extLst>
                <a:ext uri="{FF2B5EF4-FFF2-40B4-BE49-F238E27FC236}">
                  <a16:creationId xmlns:a16="http://schemas.microsoft.com/office/drawing/2014/main" id="{07600F1E-130D-6984-A889-B63EBBAB18AA}"/>
                </a:ext>
              </a:extLst>
            </p:cNvPr>
            <p:cNvSpPr/>
            <p:nvPr/>
          </p:nvSpPr>
          <p:spPr>
            <a:xfrm>
              <a:off x="4427584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" name="Freihandform 10">
              <a:extLst>
                <a:ext uri="{FF2B5EF4-FFF2-40B4-BE49-F238E27FC236}">
                  <a16:creationId xmlns:a16="http://schemas.microsoft.com/office/drawing/2014/main" id="{0A33B5ED-AB6B-CEC6-0523-5161FD7694D9}"/>
                </a:ext>
              </a:extLst>
            </p:cNvPr>
            <p:cNvSpPr/>
            <p:nvPr/>
          </p:nvSpPr>
          <p:spPr>
            <a:xfrm>
              <a:off x="3907611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" name="Freihandform 11">
              <a:extLst>
                <a:ext uri="{FF2B5EF4-FFF2-40B4-BE49-F238E27FC236}">
                  <a16:creationId xmlns:a16="http://schemas.microsoft.com/office/drawing/2014/main" id="{AE2D5E5F-4760-0430-492D-2886DD3C5467}"/>
                </a:ext>
              </a:extLst>
            </p:cNvPr>
            <p:cNvSpPr/>
            <p:nvPr/>
          </p:nvSpPr>
          <p:spPr>
            <a:xfrm>
              <a:off x="4080920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" name="Freihandform 12">
              <a:extLst>
                <a:ext uri="{FF2B5EF4-FFF2-40B4-BE49-F238E27FC236}">
                  <a16:creationId xmlns:a16="http://schemas.microsoft.com/office/drawing/2014/main" id="{A1C645C6-10D7-C7F3-A505-256EB82A3D73}"/>
                </a:ext>
              </a:extLst>
            </p:cNvPr>
            <p:cNvSpPr/>
            <p:nvPr/>
          </p:nvSpPr>
          <p:spPr>
            <a:xfrm>
              <a:off x="4254275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" name="Freihandform 13">
              <a:extLst>
                <a:ext uri="{FF2B5EF4-FFF2-40B4-BE49-F238E27FC236}">
                  <a16:creationId xmlns:a16="http://schemas.microsoft.com/office/drawing/2014/main" id="{0639CAE2-06C1-E08D-5E1E-0972D7957B3E}"/>
                </a:ext>
              </a:extLst>
            </p:cNvPr>
            <p:cNvSpPr/>
            <p:nvPr/>
          </p:nvSpPr>
          <p:spPr>
            <a:xfrm>
              <a:off x="4427584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" name="Freihandform 14">
              <a:extLst>
                <a:ext uri="{FF2B5EF4-FFF2-40B4-BE49-F238E27FC236}">
                  <a16:creationId xmlns:a16="http://schemas.microsoft.com/office/drawing/2014/main" id="{988D8132-F19D-CCD9-9DBA-664013BB1EF9}"/>
                </a:ext>
              </a:extLst>
            </p:cNvPr>
            <p:cNvSpPr/>
            <p:nvPr/>
          </p:nvSpPr>
          <p:spPr>
            <a:xfrm>
              <a:off x="3907611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" name="Freihandform 15">
              <a:extLst>
                <a:ext uri="{FF2B5EF4-FFF2-40B4-BE49-F238E27FC236}">
                  <a16:creationId xmlns:a16="http://schemas.microsoft.com/office/drawing/2014/main" id="{D1BAFA3A-4BE8-6BF1-68DA-1E59F6DF4F89}"/>
                </a:ext>
              </a:extLst>
            </p:cNvPr>
            <p:cNvSpPr/>
            <p:nvPr/>
          </p:nvSpPr>
          <p:spPr>
            <a:xfrm>
              <a:off x="4080920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" name="Freihandform 16">
              <a:extLst>
                <a:ext uri="{FF2B5EF4-FFF2-40B4-BE49-F238E27FC236}">
                  <a16:creationId xmlns:a16="http://schemas.microsoft.com/office/drawing/2014/main" id="{41189EAC-5355-3C9B-2AB2-6135E5BEB81A}"/>
                </a:ext>
              </a:extLst>
            </p:cNvPr>
            <p:cNvSpPr/>
            <p:nvPr/>
          </p:nvSpPr>
          <p:spPr>
            <a:xfrm>
              <a:off x="4254275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" name="Freihandform 17">
              <a:extLst>
                <a:ext uri="{FF2B5EF4-FFF2-40B4-BE49-F238E27FC236}">
                  <a16:creationId xmlns:a16="http://schemas.microsoft.com/office/drawing/2014/main" id="{0A1393FE-C7DA-1055-9272-8FD268605F7A}"/>
                </a:ext>
              </a:extLst>
            </p:cNvPr>
            <p:cNvSpPr/>
            <p:nvPr/>
          </p:nvSpPr>
          <p:spPr>
            <a:xfrm>
              <a:off x="4427584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" name="Freihandform 18">
              <a:extLst>
                <a:ext uri="{FF2B5EF4-FFF2-40B4-BE49-F238E27FC236}">
                  <a16:creationId xmlns:a16="http://schemas.microsoft.com/office/drawing/2014/main" id="{260FC390-7336-2C7D-92A2-6CF5556A97CA}"/>
                </a:ext>
              </a:extLst>
            </p:cNvPr>
            <p:cNvSpPr/>
            <p:nvPr/>
          </p:nvSpPr>
          <p:spPr>
            <a:xfrm>
              <a:off x="4600940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" name="Freihandform 19">
              <a:extLst>
                <a:ext uri="{FF2B5EF4-FFF2-40B4-BE49-F238E27FC236}">
                  <a16:creationId xmlns:a16="http://schemas.microsoft.com/office/drawing/2014/main" id="{9F5DB99C-7A14-E163-393E-FB064DFEF13C}"/>
                </a:ext>
              </a:extLst>
            </p:cNvPr>
            <p:cNvSpPr/>
            <p:nvPr/>
          </p:nvSpPr>
          <p:spPr>
            <a:xfrm>
              <a:off x="4774296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" name="Freihandform 20">
              <a:extLst>
                <a:ext uri="{FF2B5EF4-FFF2-40B4-BE49-F238E27FC236}">
                  <a16:creationId xmlns:a16="http://schemas.microsoft.com/office/drawing/2014/main" id="{2102DDE8-DCF8-326A-E389-1F3A956B7F54}"/>
                </a:ext>
              </a:extLst>
            </p:cNvPr>
            <p:cNvSpPr/>
            <p:nvPr/>
          </p:nvSpPr>
          <p:spPr>
            <a:xfrm>
              <a:off x="3907611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" name="Freihandform 21">
              <a:extLst>
                <a:ext uri="{FF2B5EF4-FFF2-40B4-BE49-F238E27FC236}">
                  <a16:creationId xmlns:a16="http://schemas.microsoft.com/office/drawing/2014/main" id="{C46C7676-5105-D3C1-1039-8E1CE283169A}"/>
                </a:ext>
              </a:extLst>
            </p:cNvPr>
            <p:cNvSpPr/>
            <p:nvPr/>
          </p:nvSpPr>
          <p:spPr>
            <a:xfrm>
              <a:off x="4080920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" name="Freihandform 22">
              <a:extLst>
                <a:ext uri="{FF2B5EF4-FFF2-40B4-BE49-F238E27FC236}">
                  <a16:creationId xmlns:a16="http://schemas.microsoft.com/office/drawing/2014/main" id="{563BED36-2F0F-3CD7-C528-5BA7D56CA57E}"/>
                </a:ext>
              </a:extLst>
            </p:cNvPr>
            <p:cNvSpPr/>
            <p:nvPr/>
          </p:nvSpPr>
          <p:spPr>
            <a:xfrm>
              <a:off x="4254275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" name="Freihandform 23">
              <a:extLst>
                <a:ext uri="{FF2B5EF4-FFF2-40B4-BE49-F238E27FC236}">
                  <a16:creationId xmlns:a16="http://schemas.microsoft.com/office/drawing/2014/main" id="{7AEF162D-A6E0-705D-2667-4BF209C904C4}"/>
                </a:ext>
              </a:extLst>
            </p:cNvPr>
            <p:cNvSpPr/>
            <p:nvPr/>
          </p:nvSpPr>
          <p:spPr>
            <a:xfrm>
              <a:off x="4427584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" name="Freihandform 24">
              <a:extLst>
                <a:ext uri="{FF2B5EF4-FFF2-40B4-BE49-F238E27FC236}">
                  <a16:creationId xmlns:a16="http://schemas.microsoft.com/office/drawing/2014/main" id="{9ACD8A8F-0953-7146-1572-BFD497DDE768}"/>
                </a:ext>
              </a:extLst>
            </p:cNvPr>
            <p:cNvSpPr/>
            <p:nvPr/>
          </p:nvSpPr>
          <p:spPr>
            <a:xfrm>
              <a:off x="3907611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" name="Freihandform 25">
              <a:extLst>
                <a:ext uri="{FF2B5EF4-FFF2-40B4-BE49-F238E27FC236}">
                  <a16:creationId xmlns:a16="http://schemas.microsoft.com/office/drawing/2014/main" id="{5006DFF5-FE0A-2037-B211-A5BE6E7D28DC}"/>
                </a:ext>
              </a:extLst>
            </p:cNvPr>
            <p:cNvSpPr/>
            <p:nvPr/>
          </p:nvSpPr>
          <p:spPr>
            <a:xfrm>
              <a:off x="4080920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" name="Freihandform 26">
              <a:extLst>
                <a:ext uri="{FF2B5EF4-FFF2-40B4-BE49-F238E27FC236}">
                  <a16:creationId xmlns:a16="http://schemas.microsoft.com/office/drawing/2014/main" id="{557FCBC7-52AA-6B3C-F974-BF2557B3B304}"/>
                </a:ext>
              </a:extLst>
            </p:cNvPr>
            <p:cNvSpPr/>
            <p:nvPr/>
          </p:nvSpPr>
          <p:spPr>
            <a:xfrm>
              <a:off x="4254275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" name="Freihandform 27">
              <a:extLst>
                <a:ext uri="{FF2B5EF4-FFF2-40B4-BE49-F238E27FC236}">
                  <a16:creationId xmlns:a16="http://schemas.microsoft.com/office/drawing/2014/main" id="{1D3A65C5-9CC7-7146-8705-8BA0020EEE18}"/>
                </a:ext>
              </a:extLst>
            </p:cNvPr>
            <p:cNvSpPr/>
            <p:nvPr/>
          </p:nvSpPr>
          <p:spPr>
            <a:xfrm>
              <a:off x="4600940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" name="Freihandform 28">
              <a:extLst>
                <a:ext uri="{FF2B5EF4-FFF2-40B4-BE49-F238E27FC236}">
                  <a16:creationId xmlns:a16="http://schemas.microsoft.com/office/drawing/2014/main" id="{6E24528C-51C9-FFC3-14BC-4955F0A37622}"/>
                </a:ext>
              </a:extLst>
            </p:cNvPr>
            <p:cNvSpPr/>
            <p:nvPr/>
          </p:nvSpPr>
          <p:spPr>
            <a:xfrm>
              <a:off x="4600940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" name="Freihandform 29">
              <a:extLst>
                <a:ext uri="{FF2B5EF4-FFF2-40B4-BE49-F238E27FC236}">
                  <a16:creationId xmlns:a16="http://schemas.microsoft.com/office/drawing/2014/main" id="{1FBB1A9E-1F58-1A18-A1CB-FF08D3CB0492}"/>
                </a:ext>
              </a:extLst>
            </p:cNvPr>
            <p:cNvSpPr/>
            <p:nvPr/>
          </p:nvSpPr>
          <p:spPr>
            <a:xfrm>
              <a:off x="4774296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" name="Freihandform 30">
              <a:extLst>
                <a:ext uri="{FF2B5EF4-FFF2-40B4-BE49-F238E27FC236}">
                  <a16:creationId xmlns:a16="http://schemas.microsoft.com/office/drawing/2014/main" id="{E49D7AC2-FF8B-0C78-E74B-FC6F56B4C094}"/>
                </a:ext>
              </a:extLst>
            </p:cNvPr>
            <p:cNvSpPr/>
            <p:nvPr/>
          </p:nvSpPr>
          <p:spPr>
            <a:xfrm>
              <a:off x="4947604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" name="Freihandform 31">
              <a:extLst>
                <a:ext uri="{FF2B5EF4-FFF2-40B4-BE49-F238E27FC236}">
                  <a16:creationId xmlns:a16="http://schemas.microsoft.com/office/drawing/2014/main" id="{4BF64EE9-4BC4-783D-5BA7-A7764AE97AC6}"/>
                </a:ext>
              </a:extLst>
            </p:cNvPr>
            <p:cNvSpPr/>
            <p:nvPr/>
          </p:nvSpPr>
          <p:spPr>
            <a:xfrm>
              <a:off x="4600940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" name="Freihandform 32">
              <a:extLst>
                <a:ext uri="{FF2B5EF4-FFF2-40B4-BE49-F238E27FC236}">
                  <a16:creationId xmlns:a16="http://schemas.microsoft.com/office/drawing/2014/main" id="{9FFE2395-BF49-CC86-9854-FDEE57D52B49}"/>
                </a:ext>
              </a:extLst>
            </p:cNvPr>
            <p:cNvSpPr/>
            <p:nvPr/>
          </p:nvSpPr>
          <p:spPr>
            <a:xfrm>
              <a:off x="4774296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" name="Freihandform 33">
              <a:extLst>
                <a:ext uri="{FF2B5EF4-FFF2-40B4-BE49-F238E27FC236}">
                  <a16:creationId xmlns:a16="http://schemas.microsoft.com/office/drawing/2014/main" id="{8E63094A-A0C7-A79A-3489-98810E0023DD}"/>
                </a:ext>
              </a:extLst>
            </p:cNvPr>
            <p:cNvSpPr/>
            <p:nvPr/>
          </p:nvSpPr>
          <p:spPr>
            <a:xfrm>
              <a:off x="4947604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" name="Freihandform 34">
              <a:extLst>
                <a:ext uri="{FF2B5EF4-FFF2-40B4-BE49-F238E27FC236}">
                  <a16:creationId xmlns:a16="http://schemas.microsoft.com/office/drawing/2014/main" id="{34F8154D-A38C-BB91-B5B0-BDDC30F6FC63}"/>
                </a:ext>
              </a:extLst>
            </p:cNvPr>
            <p:cNvSpPr/>
            <p:nvPr/>
          </p:nvSpPr>
          <p:spPr>
            <a:xfrm>
              <a:off x="4600940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" name="Freihandform 35">
              <a:extLst>
                <a:ext uri="{FF2B5EF4-FFF2-40B4-BE49-F238E27FC236}">
                  <a16:creationId xmlns:a16="http://schemas.microsoft.com/office/drawing/2014/main" id="{1FFA9E23-EB1E-D1BF-1D71-054E84715E00}"/>
                </a:ext>
              </a:extLst>
            </p:cNvPr>
            <p:cNvSpPr/>
            <p:nvPr/>
          </p:nvSpPr>
          <p:spPr>
            <a:xfrm>
              <a:off x="4774296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" name="Freihandform 36">
              <a:extLst>
                <a:ext uri="{FF2B5EF4-FFF2-40B4-BE49-F238E27FC236}">
                  <a16:creationId xmlns:a16="http://schemas.microsoft.com/office/drawing/2014/main" id="{B028EA7B-84DE-AB5F-7F6E-7ADBF42F8A7E}"/>
                </a:ext>
              </a:extLst>
            </p:cNvPr>
            <p:cNvSpPr/>
            <p:nvPr/>
          </p:nvSpPr>
          <p:spPr>
            <a:xfrm>
              <a:off x="4947604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" name="Freihandform 37">
              <a:extLst>
                <a:ext uri="{FF2B5EF4-FFF2-40B4-BE49-F238E27FC236}">
                  <a16:creationId xmlns:a16="http://schemas.microsoft.com/office/drawing/2014/main" id="{740EAFEF-2364-BEA3-2FAA-376A147AE7D1}"/>
                </a:ext>
              </a:extLst>
            </p:cNvPr>
            <p:cNvSpPr/>
            <p:nvPr/>
          </p:nvSpPr>
          <p:spPr>
            <a:xfrm>
              <a:off x="4600940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" name="Freihandform 38">
              <a:extLst>
                <a:ext uri="{FF2B5EF4-FFF2-40B4-BE49-F238E27FC236}">
                  <a16:creationId xmlns:a16="http://schemas.microsoft.com/office/drawing/2014/main" id="{2C8B290B-31B8-57FE-9FE6-2E07913D1CC9}"/>
                </a:ext>
              </a:extLst>
            </p:cNvPr>
            <p:cNvSpPr/>
            <p:nvPr/>
          </p:nvSpPr>
          <p:spPr>
            <a:xfrm>
              <a:off x="4774296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" name="Freihandform 39">
              <a:extLst>
                <a:ext uri="{FF2B5EF4-FFF2-40B4-BE49-F238E27FC236}">
                  <a16:creationId xmlns:a16="http://schemas.microsoft.com/office/drawing/2014/main" id="{69BDEF59-3F43-E31A-6227-E561716174A0}"/>
                </a:ext>
              </a:extLst>
            </p:cNvPr>
            <p:cNvSpPr/>
            <p:nvPr/>
          </p:nvSpPr>
          <p:spPr>
            <a:xfrm>
              <a:off x="4947604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" name="Freihandform 40">
              <a:extLst>
                <a:ext uri="{FF2B5EF4-FFF2-40B4-BE49-F238E27FC236}">
                  <a16:creationId xmlns:a16="http://schemas.microsoft.com/office/drawing/2014/main" id="{6E5CC808-BE43-5E9F-060B-EE4DC5C95DDB}"/>
                </a:ext>
              </a:extLst>
            </p:cNvPr>
            <p:cNvSpPr/>
            <p:nvPr/>
          </p:nvSpPr>
          <p:spPr>
            <a:xfrm>
              <a:off x="4600940" y="52030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" name="Freihandform 41">
              <a:extLst>
                <a:ext uri="{FF2B5EF4-FFF2-40B4-BE49-F238E27FC236}">
                  <a16:creationId xmlns:a16="http://schemas.microsoft.com/office/drawing/2014/main" id="{EABF21B1-9244-6FA2-84A9-B7957AC2AAE1}"/>
                </a:ext>
              </a:extLst>
            </p:cNvPr>
            <p:cNvSpPr/>
            <p:nvPr/>
          </p:nvSpPr>
          <p:spPr>
            <a:xfrm>
              <a:off x="4774296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" name="Freihandform 42">
              <a:extLst>
                <a:ext uri="{FF2B5EF4-FFF2-40B4-BE49-F238E27FC236}">
                  <a16:creationId xmlns:a16="http://schemas.microsoft.com/office/drawing/2014/main" id="{F0B98AD8-37E8-8DEA-C353-C40DD5971941}"/>
                </a:ext>
              </a:extLst>
            </p:cNvPr>
            <p:cNvSpPr/>
            <p:nvPr/>
          </p:nvSpPr>
          <p:spPr>
            <a:xfrm>
              <a:off x="4947604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" name="Freihandform 43">
              <a:extLst>
                <a:ext uri="{FF2B5EF4-FFF2-40B4-BE49-F238E27FC236}">
                  <a16:creationId xmlns:a16="http://schemas.microsoft.com/office/drawing/2014/main" id="{A3426588-997F-568A-5CB0-C74CA05D45B3}"/>
                </a:ext>
              </a:extLst>
            </p:cNvPr>
            <p:cNvSpPr/>
            <p:nvPr/>
          </p:nvSpPr>
          <p:spPr>
            <a:xfrm>
              <a:off x="4600940" y="34685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" name="Freihandform 44">
              <a:extLst>
                <a:ext uri="{FF2B5EF4-FFF2-40B4-BE49-F238E27FC236}">
                  <a16:creationId xmlns:a16="http://schemas.microsoft.com/office/drawing/2014/main" id="{408460BE-A48B-0AFF-0D86-C7F68A5319E9}"/>
                </a:ext>
              </a:extLst>
            </p:cNvPr>
            <p:cNvSpPr/>
            <p:nvPr/>
          </p:nvSpPr>
          <p:spPr>
            <a:xfrm>
              <a:off x="4774296" y="52030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" name="Freihandform 45">
              <a:extLst>
                <a:ext uri="{FF2B5EF4-FFF2-40B4-BE49-F238E27FC236}">
                  <a16:creationId xmlns:a16="http://schemas.microsoft.com/office/drawing/2014/main" id="{4F6C985B-1C49-0670-2A0F-C03F8B284F91}"/>
                </a:ext>
              </a:extLst>
            </p:cNvPr>
            <p:cNvSpPr/>
            <p:nvPr/>
          </p:nvSpPr>
          <p:spPr>
            <a:xfrm>
              <a:off x="4947604" y="52030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" name="Freihandform 46">
              <a:extLst>
                <a:ext uri="{FF2B5EF4-FFF2-40B4-BE49-F238E27FC236}">
                  <a16:creationId xmlns:a16="http://schemas.microsoft.com/office/drawing/2014/main" id="{361673CC-BE4A-5EB7-A31A-5433ACEA6E19}"/>
                </a:ext>
              </a:extLst>
            </p:cNvPr>
            <p:cNvSpPr/>
            <p:nvPr/>
          </p:nvSpPr>
          <p:spPr>
            <a:xfrm>
              <a:off x="4600940" y="17345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" name="Freihandform 47">
              <a:extLst>
                <a:ext uri="{FF2B5EF4-FFF2-40B4-BE49-F238E27FC236}">
                  <a16:creationId xmlns:a16="http://schemas.microsoft.com/office/drawing/2014/main" id="{31803AFF-77C3-56A9-BA7F-855E64F8B121}"/>
                </a:ext>
              </a:extLst>
            </p:cNvPr>
            <p:cNvSpPr/>
            <p:nvPr/>
          </p:nvSpPr>
          <p:spPr>
            <a:xfrm>
              <a:off x="4774296" y="34685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" name="Freihandform 48">
              <a:extLst>
                <a:ext uri="{FF2B5EF4-FFF2-40B4-BE49-F238E27FC236}">
                  <a16:creationId xmlns:a16="http://schemas.microsoft.com/office/drawing/2014/main" id="{6DC61BF5-44F6-6086-875D-D14215E8B34B}"/>
                </a:ext>
              </a:extLst>
            </p:cNvPr>
            <p:cNvSpPr/>
            <p:nvPr/>
          </p:nvSpPr>
          <p:spPr>
            <a:xfrm>
              <a:off x="4947604" y="34685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" name="Freihandform 49">
              <a:extLst>
                <a:ext uri="{FF2B5EF4-FFF2-40B4-BE49-F238E27FC236}">
                  <a16:creationId xmlns:a16="http://schemas.microsoft.com/office/drawing/2014/main" id="{AB383FF1-E742-A5DB-D903-E97C2FCB0D13}"/>
                </a:ext>
              </a:extLst>
            </p:cNvPr>
            <p:cNvSpPr/>
            <p:nvPr/>
          </p:nvSpPr>
          <p:spPr>
            <a:xfrm>
              <a:off x="4600940" y="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" name="Freihandform 50">
              <a:extLst>
                <a:ext uri="{FF2B5EF4-FFF2-40B4-BE49-F238E27FC236}">
                  <a16:creationId xmlns:a16="http://schemas.microsoft.com/office/drawing/2014/main" id="{239FEC1E-FACF-F130-2BC7-973655C21531}"/>
                </a:ext>
              </a:extLst>
            </p:cNvPr>
            <p:cNvSpPr/>
            <p:nvPr/>
          </p:nvSpPr>
          <p:spPr>
            <a:xfrm>
              <a:off x="4774296" y="17345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" name="Freihandform 51">
              <a:extLst>
                <a:ext uri="{FF2B5EF4-FFF2-40B4-BE49-F238E27FC236}">
                  <a16:creationId xmlns:a16="http://schemas.microsoft.com/office/drawing/2014/main" id="{8BE43EFA-E6E4-9151-8DC1-2B2DD05D655F}"/>
                </a:ext>
              </a:extLst>
            </p:cNvPr>
            <p:cNvSpPr/>
            <p:nvPr/>
          </p:nvSpPr>
          <p:spPr>
            <a:xfrm>
              <a:off x="4600940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" name="Freihandform 52">
              <a:extLst>
                <a:ext uri="{FF2B5EF4-FFF2-40B4-BE49-F238E27FC236}">
                  <a16:creationId xmlns:a16="http://schemas.microsoft.com/office/drawing/2014/main" id="{9D23219B-8C8D-D519-E5BA-03E300E86522}"/>
                </a:ext>
              </a:extLst>
            </p:cNvPr>
            <p:cNvSpPr/>
            <p:nvPr/>
          </p:nvSpPr>
          <p:spPr>
            <a:xfrm>
              <a:off x="4774296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" name="Freihandform 53">
              <a:extLst>
                <a:ext uri="{FF2B5EF4-FFF2-40B4-BE49-F238E27FC236}">
                  <a16:creationId xmlns:a16="http://schemas.microsoft.com/office/drawing/2014/main" id="{04D57FF9-5E04-00E8-0558-8FC98D7B94D8}"/>
                </a:ext>
              </a:extLst>
            </p:cNvPr>
            <p:cNvSpPr/>
            <p:nvPr/>
          </p:nvSpPr>
          <p:spPr>
            <a:xfrm>
              <a:off x="4947604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5" name="Freihandform 54">
              <a:extLst>
                <a:ext uri="{FF2B5EF4-FFF2-40B4-BE49-F238E27FC236}">
                  <a16:creationId xmlns:a16="http://schemas.microsoft.com/office/drawing/2014/main" id="{C30F38B0-25BE-E81F-17EF-B0B545169EF7}"/>
                </a:ext>
              </a:extLst>
            </p:cNvPr>
            <p:cNvSpPr/>
            <p:nvPr/>
          </p:nvSpPr>
          <p:spPr>
            <a:xfrm>
              <a:off x="4600940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6" name="Freihandform 55">
              <a:extLst>
                <a:ext uri="{FF2B5EF4-FFF2-40B4-BE49-F238E27FC236}">
                  <a16:creationId xmlns:a16="http://schemas.microsoft.com/office/drawing/2014/main" id="{637C12E6-397A-8C30-B6B2-770AA39AAB2D}"/>
                </a:ext>
              </a:extLst>
            </p:cNvPr>
            <p:cNvSpPr/>
            <p:nvPr/>
          </p:nvSpPr>
          <p:spPr>
            <a:xfrm>
              <a:off x="4774296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7" name="Freihandform 56">
              <a:extLst>
                <a:ext uri="{FF2B5EF4-FFF2-40B4-BE49-F238E27FC236}">
                  <a16:creationId xmlns:a16="http://schemas.microsoft.com/office/drawing/2014/main" id="{4C0B668C-5099-6E13-9EB4-934D18C2F239}"/>
                </a:ext>
              </a:extLst>
            </p:cNvPr>
            <p:cNvSpPr/>
            <p:nvPr/>
          </p:nvSpPr>
          <p:spPr>
            <a:xfrm>
              <a:off x="4947604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8" name="Freihandform 57">
              <a:extLst>
                <a:ext uri="{FF2B5EF4-FFF2-40B4-BE49-F238E27FC236}">
                  <a16:creationId xmlns:a16="http://schemas.microsoft.com/office/drawing/2014/main" id="{451A5D48-754B-4C7F-126F-F28B535BF20E}"/>
                </a:ext>
              </a:extLst>
            </p:cNvPr>
            <p:cNvSpPr/>
            <p:nvPr/>
          </p:nvSpPr>
          <p:spPr>
            <a:xfrm>
              <a:off x="5120960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9" name="Freihandform 58">
              <a:extLst>
                <a:ext uri="{FF2B5EF4-FFF2-40B4-BE49-F238E27FC236}">
                  <a16:creationId xmlns:a16="http://schemas.microsoft.com/office/drawing/2014/main" id="{4A98AC8D-F1BD-69BC-255A-BCCCDAAD9F10}"/>
                </a:ext>
              </a:extLst>
            </p:cNvPr>
            <p:cNvSpPr/>
            <p:nvPr/>
          </p:nvSpPr>
          <p:spPr>
            <a:xfrm>
              <a:off x="4600940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0" name="Freihandform 59">
              <a:extLst>
                <a:ext uri="{FF2B5EF4-FFF2-40B4-BE49-F238E27FC236}">
                  <a16:creationId xmlns:a16="http://schemas.microsoft.com/office/drawing/2014/main" id="{EFDD52C5-6C3D-657B-BF69-83F93597CAA1}"/>
                </a:ext>
              </a:extLst>
            </p:cNvPr>
            <p:cNvSpPr/>
            <p:nvPr/>
          </p:nvSpPr>
          <p:spPr>
            <a:xfrm>
              <a:off x="4774296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1" name="Freihandform 60">
              <a:extLst>
                <a:ext uri="{FF2B5EF4-FFF2-40B4-BE49-F238E27FC236}">
                  <a16:creationId xmlns:a16="http://schemas.microsoft.com/office/drawing/2014/main" id="{FA823645-F3C6-3E6F-013F-799C5896D79A}"/>
                </a:ext>
              </a:extLst>
            </p:cNvPr>
            <p:cNvSpPr/>
            <p:nvPr/>
          </p:nvSpPr>
          <p:spPr>
            <a:xfrm>
              <a:off x="4947604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2" name="Freihandform 61">
              <a:extLst>
                <a:ext uri="{FF2B5EF4-FFF2-40B4-BE49-F238E27FC236}">
                  <a16:creationId xmlns:a16="http://schemas.microsoft.com/office/drawing/2014/main" id="{74112A5A-55E3-990C-E3AF-B5A11307652F}"/>
                </a:ext>
              </a:extLst>
            </p:cNvPr>
            <p:cNvSpPr/>
            <p:nvPr/>
          </p:nvSpPr>
          <p:spPr>
            <a:xfrm>
              <a:off x="5120960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3" name="Freihandform 62">
              <a:extLst>
                <a:ext uri="{FF2B5EF4-FFF2-40B4-BE49-F238E27FC236}">
                  <a16:creationId xmlns:a16="http://schemas.microsoft.com/office/drawing/2014/main" id="{8BDAE61E-6440-C85C-5841-EC8F6D02541F}"/>
                </a:ext>
              </a:extLst>
            </p:cNvPr>
            <p:cNvSpPr/>
            <p:nvPr/>
          </p:nvSpPr>
          <p:spPr>
            <a:xfrm>
              <a:off x="5467624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4" name="Freihandform 63">
              <a:extLst>
                <a:ext uri="{FF2B5EF4-FFF2-40B4-BE49-F238E27FC236}">
                  <a16:creationId xmlns:a16="http://schemas.microsoft.com/office/drawing/2014/main" id="{CE3B6047-6555-8827-55C8-6869D2070D0F}"/>
                </a:ext>
              </a:extLst>
            </p:cNvPr>
            <p:cNvSpPr/>
            <p:nvPr/>
          </p:nvSpPr>
          <p:spPr>
            <a:xfrm>
              <a:off x="5640980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5" name="Freihandform 64">
              <a:extLst>
                <a:ext uri="{FF2B5EF4-FFF2-40B4-BE49-F238E27FC236}">
                  <a16:creationId xmlns:a16="http://schemas.microsoft.com/office/drawing/2014/main" id="{D40BB0DC-5011-6C05-803C-D5B63A169851}"/>
                </a:ext>
              </a:extLst>
            </p:cNvPr>
            <p:cNvSpPr/>
            <p:nvPr/>
          </p:nvSpPr>
          <p:spPr>
            <a:xfrm>
              <a:off x="5814336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6" name="Freihandform 65">
              <a:extLst>
                <a:ext uri="{FF2B5EF4-FFF2-40B4-BE49-F238E27FC236}">
                  <a16:creationId xmlns:a16="http://schemas.microsoft.com/office/drawing/2014/main" id="{80883174-EC93-F357-7855-A684D39754D0}"/>
                </a:ext>
              </a:extLst>
            </p:cNvPr>
            <p:cNvSpPr/>
            <p:nvPr/>
          </p:nvSpPr>
          <p:spPr>
            <a:xfrm>
              <a:off x="5467624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7" name="Freihandform 66">
              <a:extLst>
                <a:ext uri="{FF2B5EF4-FFF2-40B4-BE49-F238E27FC236}">
                  <a16:creationId xmlns:a16="http://schemas.microsoft.com/office/drawing/2014/main" id="{17EDE7F1-00FB-486D-3498-FB334584E7DD}"/>
                </a:ext>
              </a:extLst>
            </p:cNvPr>
            <p:cNvSpPr/>
            <p:nvPr/>
          </p:nvSpPr>
          <p:spPr>
            <a:xfrm>
              <a:off x="5640980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8" name="Freihandform 67">
              <a:extLst>
                <a:ext uri="{FF2B5EF4-FFF2-40B4-BE49-F238E27FC236}">
                  <a16:creationId xmlns:a16="http://schemas.microsoft.com/office/drawing/2014/main" id="{7796A9B3-BFFC-84AC-5375-096387F7095C}"/>
                </a:ext>
              </a:extLst>
            </p:cNvPr>
            <p:cNvSpPr/>
            <p:nvPr/>
          </p:nvSpPr>
          <p:spPr>
            <a:xfrm>
              <a:off x="5814336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69" name="Freihandform 68">
              <a:extLst>
                <a:ext uri="{FF2B5EF4-FFF2-40B4-BE49-F238E27FC236}">
                  <a16:creationId xmlns:a16="http://schemas.microsoft.com/office/drawing/2014/main" id="{A188CE94-C1E5-0A04-A3A6-FFB356D70460}"/>
                </a:ext>
              </a:extLst>
            </p:cNvPr>
            <p:cNvSpPr/>
            <p:nvPr/>
          </p:nvSpPr>
          <p:spPr>
            <a:xfrm>
              <a:off x="5294316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0" name="Freihandform 69">
              <a:extLst>
                <a:ext uri="{FF2B5EF4-FFF2-40B4-BE49-F238E27FC236}">
                  <a16:creationId xmlns:a16="http://schemas.microsoft.com/office/drawing/2014/main" id="{10BA4985-378B-8037-62C5-97E95396BA54}"/>
                </a:ext>
              </a:extLst>
            </p:cNvPr>
            <p:cNvSpPr/>
            <p:nvPr/>
          </p:nvSpPr>
          <p:spPr>
            <a:xfrm>
              <a:off x="5467624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1" name="Freihandform 70">
              <a:extLst>
                <a:ext uri="{FF2B5EF4-FFF2-40B4-BE49-F238E27FC236}">
                  <a16:creationId xmlns:a16="http://schemas.microsoft.com/office/drawing/2014/main" id="{FC40833C-1C61-CE99-0D5F-64A97BC565A4}"/>
                </a:ext>
              </a:extLst>
            </p:cNvPr>
            <p:cNvSpPr/>
            <p:nvPr/>
          </p:nvSpPr>
          <p:spPr>
            <a:xfrm>
              <a:off x="5640980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2" name="Freihandform 71">
              <a:extLst>
                <a:ext uri="{FF2B5EF4-FFF2-40B4-BE49-F238E27FC236}">
                  <a16:creationId xmlns:a16="http://schemas.microsoft.com/office/drawing/2014/main" id="{DF8A5A4E-A6DB-1546-3AFB-AA4AE334ECE4}"/>
                </a:ext>
              </a:extLst>
            </p:cNvPr>
            <p:cNvSpPr/>
            <p:nvPr/>
          </p:nvSpPr>
          <p:spPr>
            <a:xfrm>
              <a:off x="5814336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3" name="Freihandform 72">
              <a:extLst>
                <a:ext uri="{FF2B5EF4-FFF2-40B4-BE49-F238E27FC236}">
                  <a16:creationId xmlns:a16="http://schemas.microsoft.com/office/drawing/2014/main" id="{4AA25492-BF93-AE41-9E01-8773157136D9}"/>
                </a:ext>
              </a:extLst>
            </p:cNvPr>
            <p:cNvSpPr/>
            <p:nvPr/>
          </p:nvSpPr>
          <p:spPr>
            <a:xfrm>
              <a:off x="5294316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4" name="Freihandform 73">
              <a:extLst>
                <a:ext uri="{FF2B5EF4-FFF2-40B4-BE49-F238E27FC236}">
                  <a16:creationId xmlns:a16="http://schemas.microsoft.com/office/drawing/2014/main" id="{3E9D91E5-E951-9A37-40C0-AE677A0B37C7}"/>
                </a:ext>
              </a:extLst>
            </p:cNvPr>
            <p:cNvSpPr/>
            <p:nvPr/>
          </p:nvSpPr>
          <p:spPr>
            <a:xfrm>
              <a:off x="5467624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5" name="Freihandform 74">
              <a:extLst>
                <a:ext uri="{FF2B5EF4-FFF2-40B4-BE49-F238E27FC236}">
                  <a16:creationId xmlns:a16="http://schemas.microsoft.com/office/drawing/2014/main" id="{74E6E7E9-7ABE-2636-3F92-EBE039471F25}"/>
                </a:ext>
              </a:extLst>
            </p:cNvPr>
            <p:cNvSpPr/>
            <p:nvPr/>
          </p:nvSpPr>
          <p:spPr>
            <a:xfrm>
              <a:off x="5640980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6" name="Freihandform 75">
              <a:extLst>
                <a:ext uri="{FF2B5EF4-FFF2-40B4-BE49-F238E27FC236}">
                  <a16:creationId xmlns:a16="http://schemas.microsoft.com/office/drawing/2014/main" id="{72DC271E-4AA1-97C0-18FD-5A84C0C9DEF5}"/>
                </a:ext>
              </a:extLst>
            </p:cNvPr>
            <p:cNvSpPr/>
            <p:nvPr/>
          </p:nvSpPr>
          <p:spPr>
            <a:xfrm>
              <a:off x="5814336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7" name="Freihandform 76">
              <a:extLst>
                <a:ext uri="{FF2B5EF4-FFF2-40B4-BE49-F238E27FC236}">
                  <a16:creationId xmlns:a16="http://schemas.microsoft.com/office/drawing/2014/main" id="{AF2FC595-37E3-343C-9E79-4597EE983415}"/>
                </a:ext>
              </a:extLst>
            </p:cNvPr>
            <p:cNvSpPr/>
            <p:nvPr/>
          </p:nvSpPr>
          <p:spPr>
            <a:xfrm>
              <a:off x="5120960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8" name="Freihandform 77">
              <a:extLst>
                <a:ext uri="{FF2B5EF4-FFF2-40B4-BE49-F238E27FC236}">
                  <a16:creationId xmlns:a16="http://schemas.microsoft.com/office/drawing/2014/main" id="{AAD76C5D-476E-DF85-CE05-5E8A06DFCF01}"/>
                </a:ext>
              </a:extLst>
            </p:cNvPr>
            <p:cNvSpPr/>
            <p:nvPr/>
          </p:nvSpPr>
          <p:spPr>
            <a:xfrm>
              <a:off x="5294316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79" name="Freihandform 78">
              <a:extLst>
                <a:ext uri="{FF2B5EF4-FFF2-40B4-BE49-F238E27FC236}">
                  <a16:creationId xmlns:a16="http://schemas.microsoft.com/office/drawing/2014/main" id="{790F5577-2EF0-F35C-FC7D-61E63665411C}"/>
                </a:ext>
              </a:extLst>
            </p:cNvPr>
            <p:cNvSpPr/>
            <p:nvPr/>
          </p:nvSpPr>
          <p:spPr>
            <a:xfrm>
              <a:off x="5120960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0" name="Freihandform 79">
              <a:extLst>
                <a:ext uri="{FF2B5EF4-FFF2-40B4-BE49-F238E27FC236}">
                  <a16:creationId xmlns:a16="http://schemas.microsoft.com/office/drawing/2014/main" id="{479F3FAE-A53F-AEEA-E4FB-6C514A884552}"/>
                </a:ext>
              </a:extLst>
            </p:cNvPr>
            <p:cNvSpPr/>
            <p:nvPr/>
          </p:nvSpPr>
          <p:spPr>
            <a:xfrm>
              <a:off x="5294316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1" name="Freihandform 80">
              <a:extLst>
                <a:ext uri="{FF2B5EF4-FFF2-40B4-BE49-F238E27FC236}">
                  <a16:creationId xmlns:a16="http://schemas.microsoft.com/office/drawing/2014/main" id="{5B12C469-33EA-B3F5-53D7-C4149844DDE3}"/>
                </a:ext>
              </a:extLst>
            </p:cNvPr>
            <p:cNvSpPr/>
            <p:nvPr/>
          </p:nvSpPr>
          <p:spPr>
            <a:xfrm>
              <a:off x="5120960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2" name="Freihandform 81">
              <a:extLst>
                <a:ext uri="{FF2B5EF4-FFF2-40B4-BE49-F238E27FC236}">
                  <a16:creationId xmlns:a16="http://schemas.microsoft.com/office/drawing/2014/main" id="{89833DFC-5DBF-ECFE-8E64-4560DE0B5263}"/>
                </a:ext>
              </a:extLst>
            </p:cNvPr>
            <p:cNvSpPr/>
            <p:nvPr/>
          </p:nvSpPr>
          <p:spPr>
            <a:xfrm>
              <a:off x="5120960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3" name="Freihandform 82">
              <a:extLst>
                <a:ext uri="{FF2B5EF4-FFF2-40B4-BE49-F238E27FC236}">
                  <a16:creationId xmlns:a16="http://schemas.microsoft.com/office/drawing/2014/main" id="{0B63CBAA-EB49-2D3F-9A86-9128EECFB130}"/>
                </a:ext>
              </a:extLst>
            </p:cNvPr>
            <p:cNvSpPr/>
            <p:nvPr/>
          </p:nvSpPr>
          <p:spPr>
            <a:xfrm>
              <a:off x="5120960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4" name="Freihandform 83">
              <a:extLst>
                <a:ext uri="{FF2B5EF4-FFF2-40B4-BE49-F238E27FC236}">
                  <a16:creationId xmlns:a16="http://schemas.microsoft.com/office/drawing/2014/main" id="{FAD07C14-9DBC-C8C5-DF84-C8A36B523A55}"/>
                </a:ext>
              </a:extLst>
            </p:cNvPr>
            <p:cNvSpPr/>
            <p:nvPr/>
          </p:nvSpPr>
          <p:spPr>
            <a:xfrm>
              <a:off x="5294316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5" name="Freihandform 84">
              <a:extLst>
                <a:ext uri="{FF2B5EF4-FFF2-40B4-BE49-F238E27FC236}">
                  <a16:creationId xmlns:a16="http://schemas.microsoft.com/office/drawing/2014/main" id="{737B7573-940C-C4BB-2BA8-E95B4F38032A}"/>
                </a:ext>
              </a:extLst>
            </p:cNvPr>
            <p:cNvSpPr/>
            <p:nvPr/>
          </p:nvSpPr>
          <p:spPr>
            <a:xfrm>
              <a:off x="5467624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6" name="Freihandform 85">
              <a:extLst>
                <a:ext uri="{FF2B5EF4-FFF2-40B4-BE49-F238E27FC236}">
                  <a16:creationId xmlns:a16="http://schemas.microsoft.com/office/drawing/2014/main" id="{296E4928-A5F2-CDA9-295F-3881ED49D4FF}"/>
                </a:ext>
              </a:extLst>
            </p:cNvPr>
            <p:cNvSpPr/>
            <p:nvPr/>
          </p:nvSpPr>
          <p:spPr>
            <a:xfrm>
              <a:off x="5640980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7" name="Freihandform 86">
              <a:extLst>
                <a:ext uri="{FF2B5EF4-FFF2-40B4-BE49-F238E27FC236}">
                  <a16:creationId xmlns:a16="http://schemas.microsoft.com/office/drawing/2014/main" id="{646A8E41-8726-1489-E4FA-19EB833A0575}"/>
                </a:ext>
              </a:extLst>
            </p:cNvPr>
            <p:cNvSpPr/>
            <p:nvPr/>
          </p:nvSpPr>
          <p:spPr>
            <a:xfrm>
              <a:off x="5814336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8" name="Freihandform 87">
              <a:extLst>
                <a:ext uri="{FF2B5EF4-FFF2-40B4-BE49-F238E27FC236}">
                  <a16:creationId xmlns:a16="http://schemas.microsoft.com/office/drawing/2014/main" id="{923EE223-C7D4-751D-E45C-6568839757CB}"/>
                </a:ext>
              </a:extLst>
            </p:cNvPr>
            <p:cNvSpPr/>
            <p:nvPr/>
          </p:nvSpPr>
          <p:spPr>
            <a:xfrm>
              <a:off x="5987644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89" name="Freihandform 88">
              <a:extLst>
                <a:ext uri="{FF2B5EF4-FFF2-40B4-BE49-F238E27FC236}">
                  <a16:creationId xmlns:a16="http://schemas.microsoft.com/office/drawing/2014/main" id="{6F4139A5-0053-4CEE-9578-B8EAE04C30FC}"/>
                </a:ext>
              </a:extLst>
            </p:cNvPr>
            <p:cNvSpPr/>
            <p:nvPr/>
          </p:nvSpPr>
          <p:spPr>
            <a:xfrm>
              <a:off x="5120960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0" name="Freihandform 89">
              <a:extLst>
                <a:ext uri="{FF2B5EF4-FFF2-40B4-BE49-F238E27FC236}">
                  <a16:creationId xmlns:a16="http://schemas.microsoft.com/office/drawing/2014/main" id="{48DEACBE-461E-902A-65BB-3C238A3C2840}"/>
                </a:ext>
              </a:extLst>
            </p:cNvPr>
            <p:cNvSpPr/>
            <p:nvPr/>
          </p:nvSpPr>
          <p:spPr>
            <a:xfrm>
              <a:off x="5294316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1" name="Freihandform 90">
              <a:extLst>
                <a:ext uri="{FF2B5EF4-FFF2-40B4-BE49-F238E27FC236}">
                  <a16:creationId xmlns:a16="http://schemas.microsoft.com/office/drawing/2014/main" id="{8300110A-9F40-807B-B1F8-32B05B4B120D}"/>
                </a:ext>
              </a:extLst>
            </p:cNvPr>
            <p:cNvSpPr/>
            <p:nvPr/>
          </p:nvSpPr>
          <p:spPr>
            <a:xfrm>
              <a:off x="5467624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2" name="Freihandform 91">
              <a:extLst>
                <a:ext uri="{FF2B5EF4-FFF2-40B4-BE49-F238E27FC236}">
                  <a16:creationId xmlns:a16="http://schemas.microsoft.com/office/drawing/2014/main" id="{4E5BF9E1-1607-6C11-833A-0506C712E42E}"/>
                </a:ext>
              </a:extLst>
            </p:cNvPr>
            <p:cNvSpPr/>
            <p:nvPr/>
          </p:nvSpPr>
          <p:spPr>
            <a:xfrm>
              <a:off x="5640980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3" name="Freihandform 92">
              <a:extLst>
                <a:ext uri="{FF2B5EF4-FFF2-40B4-BE49-F238E27FC236}">
                  <a16:creationId xmlns:a16="http://schemas.microsoft.com/office/drawing/2014/main" id="{4ECCDCC2-05D5-FA08-F5CC-80885C859AFB}"/>
                </a:ext>
              </a:extLst>
            </p:cNvPr>
            <p:cNvSpPr/>
            <p:nvPr/>
          </p:nvSpPr>
          <p:spPr>
            <a:xfrm>
              <a:off x="5814336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4" name="Freihandform 93">
              <a:extLst>
                <a:ext uri="{FF2B5EF4-FFF2-40B4-BE49-F238E27FC236}">
                  <a16:creationId xmlns:a16="http://schemas.microsoft.com/office/drawing/2014/main" id="{9B25AC1A-C976-297B-7436-1AA77E4B3121}"/>
                </a:ext>
              </a:extLst>
            </p:cNvPr>
            <p:cNvSpPr/>
            <p:nvPr/>
          </p:nvSpPr>
          <p:spPr>
            <a:xfrm>
              <a:off x="5987644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5" name="Freihandform 94">
              <a:extLst>
                <a:ext uri="{FF2B5EF4-FFF2-40B4-BE49-F238E27FC236}">
                  <a16:creationId xmlns:a16="http://schemas.microsoft.com/office/drawing/2014/main" id="{24D73A28-96AB-BEE6-C3F1-EC8BB86518AE}"/>
                </a:ext>
              </a:extLst>
            </p:cNvPr>
            <p:cNvSpPr/>
            <p:nvPr/>
          </p:nvSpPr>
          <p:spPr>
            <a:xfrm>
              <a:off x="5814336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6" name="Freihandform 95">
              <a:extLst>
                <a:ext uri="{FF2B5EF4-FFF2-40B4-BE49-F238E27FC236}">
                  <a16:creationId xmlns:a16="http://schemas.microsoft.com/office/drawing/2014/main" id="{FF64B1D5-332F-B13F-02B9-75D0F4C9E717}"/>
                </a:ext>
              </a:extLst>
            </p:cNvPr>
            <p:cNvSpPr/>
            <p:nvPr/>
          </p:nvSpPr>
          <p:spPr>
            <a:xfrm>
              <a:off x="5987644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7" name="Freihandform 96">
              <a:extLst>
                <a:ext uri="{FF2B5EF4-FFF2-40B4-BE49-F238E27FC236}">
                  <a16:creationId xmlns:a16="http://schemas.microsoft.com/office/drawing/2014/main" id="{3CC5E4B2-8B9F-F4A3-B075-0FB9677A4BC6}"/>
                </a:ext>
              </a:extLst>
            </p:cNvPr>
            <p:cNvSpPr/>
            <p:nvPr/>
          </p:nvSpPr>
          <p:spPr>
            <a:xfrm>
              <a:off x="4947604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8" name="Freihandform 97">
              <a:extLst>
                <a:ext uri="{FF2B5EF4-FFF2-40B4-BE49-F238E27FC236}">
                  <a16:creationId xmlns:a16="http://schemas.microsoft.com/office/drawing/2014/main" id="{C774CEBB-7E94-9CB9-6E6A-CDE896C132FC}"/>
                </a:ext>
              </a:extLst>
            </p:cNvPr>
            <p:cNvSpPr/>
            <p:nvPr/>
          </p:nvSpPr>
          <p:spPr>
            <a:xfrm>
              <a:off x="5120960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99" name="Freihandform 98">
              <a:extLst>
                <a:ext uri="{FF2B5EF4-FFF2-40B4-BE49-F238E27FC236}">
                  <a16:creationId xmlns:a16="http://schemas.microsoft.com/office/drawing/2014/main" id="{1293A0E4-7CE7-B65F-92E2-792F252CEE7E}"/>
                </a:ext>
              </a:extLst>
            </p:cNvPr>
            <p:cNvSpPr/>
            <p:nvPr/>
          </p:nvSpPr>
          <p:spPr>
            <a:xfrm>
              <a:off x="4600940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0" name="Freihandform 99">
              <a:extLst>
                <a:ext uri="{FF2B5EF4-FFF2-40B4-BE49-F238E27FC236}">
                  <a16:creationId xmlns:a16="http://schemas.microsoft.com/office/drawing/2014/main" id="{55B758AB-7A92-87DB-BF59-CF7D8DBB380B}"/>
                </a:ext>
              </a:extLst>
            </p:cNvPr>
            <p:cNvSpPr/>
            <p:nvPr/>
          </p:nvSpPr>
          <p:spPr>
            <a:xfrm>
              <a:off x="4774296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1" name="Freihandform 100">
              <a:extLst>
                <a:ext uri="{FF2B5EF4-FFF2-40B4-BE49-F238E27FC236}">
                  <a16:creationId xmlns:a16="http://schemas.microsoft.com/office/drawing/2014/main" id="{D7C1CD1E-A3A2-83F6-83F4-F5B256617003}"/>
                </a:ext>
              </a:extLst>
            </p:cNvPr>
            <p:cNvSpPr/>
            <p:nvPr/>
          </p:nvSpPr>
          <p:spPr>
            <a:xfrm>
              <a:off x="4947604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2" name="Freihandform 101">
              <a:extLst>
                <a:ext uri="{FF2B5EF4-FFF2-40B4-BE49-F238E27FC236}">
                  <a16:creationId xmlns:a16="http://schemas.microsoft.com/office/drawing/2014/main" id="{7D164BC8-4B66-33A5-FC06-46CD028C7FD4}"/>
                </a:ext>
              </a:extLst>
            </p:cNvPr>
            <p:cNvSpPr/>
            <p:nvPr/>
          </p:nvSpPr>
          <p:spPr>
            <a:xfrm>
              <a:off x="5120960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3" name="Freihandform 102">
              <a:extLst>
                <a:ext uri="{FF2B5EF4-FFF2-40B4-BE49-F238E27FC236}">
                  <a16:creationId xmlns:a16="http://schemas.microsoft.com/office/drawing/2014/main" id="{4042337E-8ED0-83F3-4D29-05057865E01A}"/>
                </a:ext>
              </a:extLst>
            </p:cNvPr>
            <p:cNvSpPr/>
            <p:nvPr/>
          </p:nvSpPr>
          <p:spPr>
            <a:xfrm>
              <a:off x="4427584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4" name="Freihandform 103">
              <a:extLst>
                <a:ext uri="{FF2B5EF4-FFF2-40B4-BE49-F238E27FC236}">
                  <a16:creationId xmlns:a16="http://schemas.microsoft.com/office/drawing/2014/main" id="{9CAC8FAF-521C-3490-5FCF-FEA4F94B3F66}"/>
                </a:ext>
              </a:extLst>
            </p:cNvPr>
            <p:cNvSpPr/>
            <p:nvPr/>
          </p:nvSpPr>
          <p:spPr>
            <a:xfrm>
              <a:off x="4600940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5" name="Freihandform 104">
              <a:extLst>
                <a:ext uri="{FF2B5EF4-FFF2-40B4-BE49-F238E27FC236}">
                  <a16:creationId xmlns:a16="http://schemas.microsoft.com/office/drawing/2014/main" id="{F5111F14-3F1A-890E-A2B5-32DD8C45C36A}"/>
                </a:ext>
              </a:extLst>
            </p:cNvPr>
            <p:cNvSpPr/>
            <p:nvPr/>
          </p:nvSpPr>
          <p:spPr>
            <a:xfrm>
              <a:off x="4774296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6" name="Freihandform 105">
              <a:extLst>
                <a:ext uri="{FF2B5EF4-FFF2-40B4-BE49-F238E27FC236}">
                  <a16:creationId xmlns:a16="http://schemas.microsoft.com/office/drawing/2014/main" id="{4D741CEF-0CDE-C082-33B6-D74DEB96BC6E}"/>
                </a:ext>
              </a:extLst>
            </p:cNvPr>
            <p:cNvSpPr/>
            <p:nvPr/>
          </p:nvSpPr>
          <p:spPr>
            <a:xfrm>
              <a:off x="4947604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7" name="Freihandform 106">
              <a:extLst>
                <a:ext uri="{FF2B5EF4-FFF2-40B4-BE49-F238E27FC236}">
                  <a16:creationId xmlns:a16="http://schemas.microsoft.com/office/drawing/2014/main" id="{7C63A8F5-78AF-199A-8F8C-24CEA8736675}"/>
                </a:ext>
              </a:extLst>
            </p:cNvPr>
            <p:cNvSpPr/>
            <p:nvPr/>
          </p:nvSpPr>
          <p:spPr>
            <a:xfrm>
              <a:off x="5120960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8" name="Freihandform 107">
              <a:extLst>
                <a:ext uri="{FF2B5EF4-FFF2-40B4-BE49-F238E27FC236}">
                  <a16:creationId xmlns:a16="http://schemas.microsoft.com/office/drawing/2014/main" id="{A917649E-4CE8-DD7C-BD66-ECC1291239BC}"/>
                </a:ext>
              </a:extLst>
            </p:cNvPr>
            <p:cNvSpPr/>
            <p:nvPr/>
          </p:nvSpPr>
          <p:spPr>
            <a:xfrm>
              <a:off x="4254275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09" name="Freihandform 108">
              <a:extLst>
                <a:ext uri="{FF2B5EF4-FFF2-40B4-BE49-F238E27FC236}">
                  <a16:creationId xmlns:a16="http://schemas.microsoft.com/office/drawing/2014/main" id="{AA6983DD-A492-6BE9-8E4C-8AA05D5D241F}"/>
                </a:ext>
              </a:extLst>
            </p:cNvPr>
            <p:cNvSpPr/>
            <p:nvPr/>
          </p:nvSpPr>
          <p:spPr>
            <a:xfrm>
              <a:off x="4427584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0" name="Freihandform 109">
              <a:extLst>
                <a:ext uri="{FF2B5EF4-FFF2-40B4-BE49-F238E27FC236}">
                  <a16:creationId xmlns:a16="http://schemas.microsoft.com/office/drawing/2014/main" id="{E6335805-5973-935A-0113-03F51320F9FF}"/>
                </a:ext>
              </a:extLst>
            </p:cNvPr>
            <p:cNvSpPr/>
            <p:nvPr/>
          </p:nvSpPr>
          <p:spPr>
            <a:xfrm>
              <a:off x="4600940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1" name="Freihandform 110">
              <a:extLst>
                <a:ext uri="{FF2B5EF4-FFF2-40B4-BE49-F238E27FC236}">
                  <a16:creationId xmlns:a16="http://schemas.microsoft.com/office/drawing/2014/main" id="{B6F454BF-B353-6C18-0325-0932E0D5E74B}"/>
                </a:ext>
              </a:extLst>
            </p:cNvPr>
            <p:cNvSpPr/>
            <p:nvPr/>
          </p:nvSpPr>
          <p:spPr>
            <a:xfrm>
              <a:off x="4774296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2" name="Freihandform 111">
              <a:extLst>
                <a:ext uri="{FF2B5EF4-FFF2-40B4-BE49-F238E27FC236}">
                  <a16:creationId xmlns:a16="http://schemas.microsoft.com/office/drawing/2014/main" id="{918FFF94-4501-FC78-3787-0B0141B5939F}"/>
                </a:ext>
              </a:extLst>
            </p:cNvPr>
            <p:cNvSpPr/>
            <p:nvPr/>
          </p:nvSpPr>
          <p:spPr>
            <a:xfrm>
              <a:off x="4947604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3" name="Freihandform 112">
              <a:extLst>
                <a:ext uri="{FF2B5EF4-FFF2-40B4-BE49-F238E27FC236}">
                  <a16:creationId xmlns:a16="http://schemas.microsoft.com/office/drawing/2014/main" id="{75BA03BD-38F2-2E8E-8359-47444BDBE24F}"/>
                </a:ext>
              </a:extLst>
            </p:cNvPr>
            <p:cNvSpPr/>
            <p:nvPr/>
          </p:nvSpPr>
          <p:spPr>
            <a:xfrm>
              <a:off x="5120960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4" name="Freihandform 113">
              <a:extLst>
                <a:ext uri="{FF2B5EF4-FFF2-40B4-BE49-F238E27FC236}">
                  <a16:creationId xmlns:a16="http://schemas.microsoft.com/office/drawing/2014/main" id="{3014EB46-39AF-D1A1-E216-07A63410A78A}"/>
                </a:ext>
              </a:extLst>
            </p:cNvPr>
            <p:cNvSpPr/>
            <p:nvPr/>
          </p:nvSpPr>
          <p:spPr>
            <a:xfrm>
              <a:off x="4427584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5" name="Freihandform 114">
              <a:extLst>
                <a:ext uri="{FF2B5EF4-FFF2-40B4-BE49-F238E27FC236}">
                  <a16:creationId xmlns:a16="http://schemas.microsoft.com/office/drawing/2014/main" id="{2E13A8F6-A043-4F13-5A64-867192C30A5F}"/>
                </a:ext>
              </a:extLst>
            </p:cNvPr>
            <p:cNvSpPr/>
            <p:nvPr/>
          </p:nvSpPr>
          <p:spPr>
            <a:xfrm>
              <a:off x="4600940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6" name="Freihandform 115">
              <a:extLst>
                <a:ext uri="{FF2B5EF4-FFF2-40B4-BE49-F238E27FC236}">
                  <a16:creationId xmlns:a16="http://schemas.microsoft.com/office/drawing/2014/main" id="{4E56E6D5-8369-D69A-6794-D372DB96B69C}"/>
                </a:ext>
              </a:extLst>
            </p:cNvPr>
            <p:cNvSpPr/>
            <p:nvPr/>
          </p:nvSpPr>
          <p:spPr>
            <a:xfrm>
              <a:off x="4774296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7" name="Freihandform 116">
              <a:extLst>
                <a:ext uri="{FF2B5EF4-FFF2-40B4-BE49-F238E27FC236}">
                  <a16:creationId xmlns:a16="http://schemas.microsoft.com/office/drawing/2014/main" id="{C0E93DB8-1F58-C685-C9CE-0087BC01C560}"/>
                </a:ext>
              </a:extLst>
            </p:cNvPr>
            <p:cNvSpPr/>
            <p:nvPr/>
          </p:nvSpPr>
          <p:spPr>
            <a:xfrm>
              <a:off x="4947604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8" name="Freihandform 117">
              <a:extLst>
                <a:ext uri="{FF2B5EF4-FFF2-40B4-BE49-F238E27FC236}">
                  <a16:creationId xmlns:a16="http://schemas.microsoft.com/office/drawing/2014/main" id="{76A83CC6-6A58-FE08-40CF-018C759A0FAC}"/>
                </a:ext>
              </a:extLst>
            </p:cNvPr>
            <p:cNvSpPr/>
            <p:nvPr/>
          </p:nvSpPr>
          <p:spPr>
            <a:xfrm>
              <a:off x="5294316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19" name="Freihandform 118">
              <a:extLst>
                <a:ext uri="{FF2B5EF4-FFF2-40B4-BE49-F238E27FC236}">
                  <a16:creationId xmlns:a16="http://schemas.microsoft.com/office/drawing/2014/main" id="{D9E0F119-1D37-DF17-0C3D-A383269E6A05}"/>
                </a:ext>
              </a:extLst>
            </p:cNvPr>
            <p:cNvSpPr/>
            <p:nvPr/>
          </p:nvSpPr>
          <p:spPr>
            <a:xfrm>
              <a:off x="5467624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0" name="Freihandform 119">
              <a:extLst>
                <a:ext uri="{FF2B5EF4-FFF2-40B4-BE49-F238E27FC236}">
                  <a16:creationId xmlns:a16="http://schemas.microsoft.com/office/drawing/2014/main" id="{BD4B8DCD-0E7D-43E0-9C4C-31BF48FB01F2}"/>
                </a:ext>
              </a:extLst>
            </p:cNvPr>
            <p:cNvSpPr/>
            <p:nvPr/>
          </p:nvSpPr>
          <p:spPr>
            <a:xfrm>
              <a:off x="5294316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1" name="Freihandform 120">
              <a:extLst>
                <a:ext uri="{FF2B5EF4-FFF2-40B4-BE49-F238E27FC236}">
                  <a16:creationId xmlns:a16="http://schemas.microsoft.com/office/drawing/2014/main" id="{CC177F72-08F2-68D7-E3A0-FF77DD8F07B1}"/>
                </a:ext>
              </a:extLst>
            </p:cNvPr>
            <p:cNvSpPr/>
            <p:nvPr/>
          </p:nvSpPr>
          <p:spPr>
            <a:xfrm>
              <a:off x="5467624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2" name="Freihandform 121">
              <a:extLst>
                <a:ext uri="{FF2B5EF4-FFF2-40B4-BE49-F238E27FC236}">
                  <a16:creationId xmlns:a16="http://schemas.microsoft.com/office/drawing/2014/main" id="{AA976415-715B-2089-88A8-D36A3DC41AAC}"/>
                </a:ext>
              </a:extLst>
            </p:cNvPr>
            <p:cNvSpPr/>
            <p:nvPr/>
          </p:nvSpPr>
          <p:spPr>
            <a:xfrm>
              <a:off x="5294316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3" name="Freihandform 122">
              <a:extLst>
                <a:ext uri="{FF2B5EF4-FFF2-40B4-BE49-F238E27FC236}">
                  <a16:creationId xmlns:a16="http://schemas.microsoft.com/office/drawing/2014/main" id="{34DB16DF-BAF7-F6F3-14F9-8E14F9FEDE94}"/>
                </a:ext>
              </a:extLst>
            </p:cNvPr>
            <p:cNvSpPr/>
            <p:nvPr/>
          </p:nvSpPr>
          <p:spPr>
            <a:xfrm>
              <a:off x="5467624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4" name="Freihandform 123">
              <a:extLst>
                <a:ext uri="{FF2B5EF4-FFF2-40B4-BE49-F238E27FC236}">
                  <a16:creationId xmlns:a16="http://schemas.microsoft.com/office/drawing/2014/main" id="{61B190EC-41F2-79FB-E02F-56F3D1A7F4B9}"/>
                </a:ext>
              </a:extLst>
            </p:cNvPr>
            <p:cNvSpPr/>
            <p:nvPr/>
          </p:nvSpPr>
          <p:spPr>
            <a:xfrm>
              <a:off x="5987644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5" name="Freihandform 124">
              <a:extLst>
                <a:ext uri="{FF2B5EF4-FFF2-40B4-BE49-F238E27FC236}">
                  <a16:creationId xmlns:a16="http://schemas.microsoft.com/office/drawing/2014/main" id="{87D46380-B4CA-92D3-2A73-9B4A6C07C143}"/>
                </a:ext>
              </a:extLst>
            </p:cNvPr>
            <p:cNvSpPr/>
            <p:nvPr/>
          </p:nvSpPr>
          <p:spPr>
            <a:xfrm>
              <a:off x="5294316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6" name="Freihandform 125">
              <a:extLst>
                <a:ext uri="{FF2B5EF4-FFF2-40B4-BE49-F238E27FC236}">
                  <a16:creationId xmlns:a16="http://schemas.microsoft.com/office/drawing/2014/main" id="{7CB856CD-F4E5-77DC-7413-EE639C56E49A}"/>
                </a:ext>
              </a:extLst>
            </p:cNvPr>
            <p:cNvSpPr/>
            <p:nvPr/>
          </p:nvSpPr>
          <p:spPr>
            <a:xfrm>
              <a:off x="5467624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7" name="Freihandform 126">
              <a:extLst>
                <a:ext uri="{FF2B5EF4-FFF2-40B4-BE49-F238E27FC236}">
                  <a16:creationId xmlns:a16="http://schemas.microsoft.com/office/drawing/2014/main" id="{5F0EDCAB-7D0B-2A3B-0DF7-FCD3BE555EC5}"/>
                </a:ext>
              </a:extLst>
            </p:cNvPr>
            <p:cNvSpPr/>
            <p:nvPr/>
          </p:nvSpPr>
          <p:spPr>
            <a:xfrm>
              <a:off x="5640980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8" name="Freihandform 127">
              <a:extLst>
                <a:ext uri="{FF2B5EF4-FFF2-40B4-BE49-F238E27FC236}">
                  <a16:creationId xmlns:a16="http://schemas.microsoft.com/office/drawing/2014/main" id="{DF6C407E-74AA-4F47-23E5-295662871DAF}"/>
                </a:ext>
              </a:extLst>
            </p:cNvPr>
            <p:cNvSpPr/>
            <p:nvPr/>
          </p:nvSpPr>
          <p:spPr>
            <a:xfrm>
              <a:off x="5814336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29" name="Freihandform 128">
              <a:extLst>
                <a:ext uri="{FF2B5EF4-FFF2-40B4-BE49-F238E27FC236}">
                  <a16:creationId xmlns:a16="http://schemas.microsoft.com/office/drawing/2014/main" id="{9B2FAE5A-E87A-E87F-1BFE-C5E144209BE7}"/>
                </a:ext>
              </a:extLst>
            </p:cNvPr>
            <p:cNvSpPr/>
            <p:nvPr/>
          </p:nvSpPr>
          <p:spPr>
            <a:xfrm>
              <a:off x="5987644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0" name="Freihandform 129">
              <a:extLst>
                <a:ext uri="{FF2B5EF4-FFF2-40B4-BE49-F238E27FC236}">
                  <a16:creationId xmlns:a16="http://schemas.microsoft.com/office/drawing/2014/main" id="{41B7B025-D35D-8555-645D-1D769CCD4A5D}"/>
                </a:ext>
              </a:extLst>
            </p:cNvPr>
            <p:cNvSpPr/>
            <p:nvPr/>
          </p:nvSpPr>
          <p:spPr>
            <a:xfrm>
              <a:off x="5294316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1" name="Freihandform 130">
              <a:extLst>
                <a:ext uri="{FF2B5EF4-FFF2-40B4-BE49-F238E27FC236}">
                  <a16:creationId xmlns:a16="http://schemas.microsoft.com/office/drawing/2014/main" id="{C95F98D4-9932-2070-D374-0B4D961C53BB}"/>
                </a:ext>
              </a:extLst>
            </p:cNvPr>
            <p:cNvSpPr/>
            <p:nvPr/>
          </p:nvSpPr>
          <p:spPr>
            <a:xfrm>
              <a:off x="5467624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2" name="Freihandform 131">
              <a:extLst>
                <a:ext uri="{FF2B5EF4-FFF2-40B4-BE49-F238E27FC236}">
                  <a16:creationId xmlns:a16="http://schemas.microsoft.com/office/drawing/2014/main" id="{DB6B7A6F-5235-3D18-09BC-A3DA07508CC4}"/>
                </a:ext>
              </a:extLst>
            </p:cNvPr>
            <p:cNvSpPr/>
            <p:nvPr/>
          </p:nvSpPr>
          <p:spPr>
            <a:xfrm>
              <a:off x="5640980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3" name="Freihandform 132">
              <a:extLst>
                <a:ext uri="{FF2B5EF4-FFF2-40B4-BE49-F238E27FC236}">
                  <a16:creationId xmlns:a16="http://schemas.microsoft.com/office/drawing/2014/main" id="{AD17BB5E-F22B-8A76-E303-AF85A4EF0953}"/>
                </a:ext>
              </a:extLst>
            </p:cNvPr>
            <p:cNvSpPr/>
            <p:nvPr/>
          </p:nvSpPr>
          <p:spPr>
            <a:xfrm>
              <a:off x="5814336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4" name="Freihandform 133">
              <a:extLst>
                <a:ext uri="{FF2B5EF4-FFF2-40B4-BE49-F238E27FC236}">
                  <a16:creationId xmlns:a16="http://schemas.microsoft.com/office/drawing/2014/main" id="{FBBC5AD0-D47D-33DA-2759-1CAB7B646F26}"/>
                </a:ext>
              </a:extLst>
            </p:cNvPr>
            <p:cNvSpPr/>
            <p:nvPr/>
          </p:nvSpPr>
          <p:spPr>
            <a:xfrm>
              <a:off x="5987644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5" name="Freihandform 134">
              <a:extLst>
                <a:ext uri="{FF2B5EF4-FFF2-40B4-BE49-F238E27FC236}">
                  <a16:creationId xmlns:a16="http://schemas.microsoft.com/office/drawing/2014/main" id="{91FB3A45-9882-79B9-2867-007ED3FC3343}"/>
                </a:ext>
              </a:extLst>
            </p:cNvPr>
            <p:cNvSpPr/>
            <p:nvPr/>
          </p:nvSpPr>
          <p:spPr>
            <a:xfrm>
              <a:off x="5294316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6" name="Freihandform 135">
              <a:extLst>
                <a:ext uri="{FF2B5EF4-FFF2-40B4-BE49-F238E27FC236}">
                  <a16:creationId xmlns:a16="http://schemas.microsoft.com/office/drawing/2014/main" id="{58469422-4234-C677-AB7A-7248A8B9369B}"/>
                </a:ext>
              </a:extLst>
            </p:cNvPr>
            <p:cNvSpPr/>
            <p:nvPr/>
          </p:nvSpPr>
          <p:spPr>
            <a:xfrm>
              <a:off x="5467624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7" name="Freihandform 136">
              <a:extLst>
                <a:ext uri="{FF2B5EF4-FFF2-40B4-BE49-F238E27FC236}">
                  <a16:creationId xmlns:a16="http://schemas.microsoft.com/office/drawing/2014/main" id="{3AD7FAE7-BD35-D11B-9894-0A8D715C598D}"/>
                </a:ext>
              </a:extLst>
            </p:cNvPr>
            <p:cNvSpPr/>
            <p:nvPr/>
          </p:nvSpPr>
          <p:spPr>
            <a:xfrm>
              <a:off x="3214235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8" name="Freihandform 137">
              <a:extLst>
                <a:ext uri="{FF2B5EF4-FFF2-40B4-BE49-F238E27FC236}">
                  <a16:creationId xmlns:a16="http://schemas.microsoft.com/office/drawing/2014/main" id="{3863B4F0-7640-3922-8FE5-1F21971177EE}"/>
                </a:ext>
              </a:extLst>
            </p:cNvPr>
            <p:cNvSpPr/>
            <p:nvPr/>
          </p:nvSpPr>
          <p:spPr>
            <a:xfrm>
              <a:off x="3040879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39" name="Freihandform 138">
              <a:extLst>
                <a:ext uri="{FF2B5EF4-FFF2-40B4-BE49-F238E27FC236}">
                  <a16:creationId xmlns:a16="http://schemas.microsoft.com/office/drawing/2014/main" id="{6BF4E342-50C5-2D5D-EEF8-B9276CAE869F}"/>
                </a:ext>
              </a:extLst>
            </p:cNvPr>
            <p:cNvSpPr/>
            <p:nvPr/>
          </p:nvSpPr>
          <p:spPr>
            <a:xfrm>
              <a:off x="3214235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0" name="Freihandform 139">
              <a:extLst>
                <a:ext uri="{FF2B5EF4-FFF2-40B4-BE49-F238E27FC236}">
                  <a16:creationId xmlns:a16="http://schemas.microsoft.com/office/drawing/2014/main" id="{8D18EB8B-3A33-66DA-C815-D7EAF7C5ACA4}"/>
                </a:ext>
              </a:extLst>
            </p:cNvPr>
            <p:cNvSpPr/>
            <p:nvPr/>
          </p:nvSpPr>
          <p:spPr>
            <a:xfrm>
              <a:off x="3387591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1" name="Freihandform 140">
              <a:extLst>
                <a:ext uri="{FF2B5EF4-FFF2-40B4-BE49-F238E27FC236}">
                  <a16:creationId xmlns:a16="http://schemas.microsoft.com/office/drawing/2014/main" id="{3E6D681B-D35E-8A1A-2AA2-18D8C4D90F1C}"/>
                </a:ext>
              </a:extLst>
            </p:cNvPr>
            <p:cNvSpPr/>
            <p:nvPr/>
          </p:nvSpPr>
          <p:spPr>
            <a:xfrm>
              <a:off x="3560899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2" name="Freihandform 141">
              <a:extLst>
                <a:ext uri="{FF2B5EF4-FFF2-40B4-BE49-F238E27FC236}">
                  <a16:creationId xmlns:a16="http://schemas.microsoft.com/office/drawing/2014/main" id="{5D6B273A-D9F5-EB88-8B04-6E3B28DC620D}"/>
                </a:ext>
              </a:extLst>
            </p:cNvPr>
            <p:cNvSpPr/>
            <p:nvPr/>
          </p:nvSpPr>
          <p:spPr>
            <a:xfrm>
              <a:off x="2867571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3" name="Freihandform 142">
              <a:extLst>
                <a:ext uri="{FF2B5EF4-FFF2-40B4-BE49-F238E27FC236}">
                  <a16:creationId xmlns:a16="http://schemas.microsoft.com/office/drawing/2014/main" id="{42F8FE9C-8DB5-CF03-AB25-046E6456948A}"/>
                </a:ext>
              </a:extLst>
            </p:cNvPr>
            <p:cNvSpPr/>
            <p:nvPr/>
          </p:nvSpPr>
          <p:spPr>
            <a:xfrm>
              <a:off x="3040879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4" name="Freihandform 143">
              <a:extLst>
                <a:ext uri="{FF2B5EF4-FFF2-40B4-BE49-F238E27FC236}">
                  <a16:creationId xmlns:a16="http://schemas.microsoft.com/office/drawing/2014/main" id="{853C7FFF-5BA5-F0C7-29FC-55ED6D5BEA7A}"/>
                </a:ext>
              </a:extLst>
            </p:cNvPr>
            <p:cNvSpPr/>
            <p:nvPr/>
          </p:nvSpPr>
          <p:spPr>
            <a:xfrm>
              <a:off x="3214235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5" name="Freihandform 144">
              <a:extLst>
                <a:ext uri="{FF2B5EF4-FFF2-40B4-BE49-F238E27FC236}">
                  <a16:creationId xmlns:a16="http://schemas.microsoft.com/office/drawing/2014/main" id="{439B9A38-E745-9645-5923-411B6E9BAA8B}"/>
                </a:ext>
              </a:extLst>
            </p:cNvPr>
            <p:cNvSpPr/>
            <p:nvPr/>
          </p:nvSpPr>
          <p:spPr>
            <a:xfrm>
              <a:off x="3387591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6" name="Freihandform 145">
              <a:extLst>
                <a:ext uri="{FF2B5EF4-FFF2-40B4-BE49-F238E27FC236}">
                  <a16:creationId xmlns:a16="http://schemas.microsoft.com/office/drawing/2014/main" id="{34E66737-E667-03B9-6DA9-E9532B063CC2}"/>
                </a:ext>
              </a:extLst>
            </p:cNvPr>
            <p:cNvSpPr/>
            <p:nvPr/>
          </p:nvSpPr>
          <p:spPr>
            <a:xfrm>
              <a:off x="3560899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7" name="Freihandform 146">
              <a:extLst>
                <a:ext uri="{FF2B5EF4-FFF2-40B4-BE49-F238E27FC236}">
                  <a16:creationId xmlns:a16="http://schemas.microsoft.com/office/drawing/2014/main" id="{394AA3DA-63C1-C2A9-CBFE-005FA9BE93A9}"/>
                </a:ext>
              </a:extLst>
            </p:cNvPr>
            <p:cNvSpPr/>
            <p:nvPr/>
          </p:nvSpPr>
          <p:spPr>
            <a:xfrm>
              <a:off x="3734255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8" name="Freihandform 147">
              <a:extLst>
                <a:ext uri="{FF2B5EF4-FFF2-40B4-BE49-F238E27FC236}">
                  <a16:creationId xmlns:a16="http://schemas.microsoft.com/office/drawing/2014/main" id="{1E9944E7-1B3C-6CB2-9958-6E80A573042C}"/>
                </a:ext>
              </a:extLst>
            </p:cNvPr>
            <p:cNvSpPr/>
            <p:nvPr/>
          </p:nvSpPr>
          <p:spPr>
            <a:xfrm>
              <a:off x="3040879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49" name="Freihandform 148">
              <a:extLst>
                <a:ext uri="{FF2B5EF4-FFF2-40B4-BE49-F238E27FC236}">
                  <a16:creationId xmlns:a16="http://schemas.microsoft.com/office/drawing/2014/main" id="{B7A6242E-3058-A21D-A221-4298D84BCB9C}"/>
                </a:ext>
              </a:extLst>
            </p:cNvPr>
            <p:cNvSpPr/>
            <p:nvPr/>
          </p:nvSpPr>
          <p:spPr>
            <a:xfrm>
              <a:off x="3214235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0" name="Freihandform 149">
              <a:extLst>
                <a:ext uri="{FF2B5EF4-FFF2-40B4-BE49-F238E27FC236}">
                  <a16:creationId xmlns:a16="http://schemas.microsoft.com/office/drawing/2014/main" id="{1AEC4EA3-DCF5-DEA8-1FF5-28A6E228C170}"/>
                </a:ext>
              </a:extLst>
            </p:cNvPr>
            <p:cNvSpPr/>
            <p:nvPr/>
          </p:nvSpPr>
          <p:spPr>
            <a:xfrm>
              <a:off x="3387591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1" name="Freihandform 150">
              <a:extLst>
                <a:ext uri="{FF2B5EF4-FFF2-40B4-BE49-F238E27FC236}">
                  <a16:creationId xmlns:a16="http://schemas.microsoft.com/office/drawing/2014/main" id="{6A2455BD-C571-2B83-D45B-4DEB8292890C}"/>
                </a:ext>
              </a:extLst>
            </p:cNvPr>
            <p:cNvSpPr/>
            <p:nvPr/>
          </p:nvSpPr>
          <p:spPr>
            <a:xfrm>
              <a:off x="3560899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2" name="Freihandform 151">
              <a:extLst>
                <a:ext uri="{FF2B5EF4-FFF2-40B4-BE49-F238E27FC236}">
                  <a16:creationId xmlns:a16="http://schemas.microsoft.com/office/drawing/2014/main" id="{D2A82D6C-A06F-3627-0B60-27FD8DBA1754}"/>
                </a:ext>
              </a:extLst>
            </p:cNvPr>
            <p:cNvSpPr/>
            <p:nvPr/>
          </p:nvSpPr>
          <p:spPr>
            <a:xfrm>
              <a:off x="3734255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3" name="Freihandform 152">
              <a:extLst>
                <a:ext uri="{FF2B5EF4-FFF2-40B4-BE49-F238E27FC236}">
                  <a16:creationId xmlns:a16="http://schemas.microsoft.com/office/drawing/2014/main" id="{B0BFE89F-FBD8-8DC3-10BC-539A42994C0D}"/>
                </a:ext>
              </a:extLst>
            </p:cNvPr>
            <p:cNvSpPr/>
            <p:nvPr/>
          </p:nvSpPr>
          <p:spPr>
            <a:xfrm>
              <a:off x="3214235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4" name="Freihandform 153">
              <a:extLst>
                <a:ext uri="{FF2B5EF4-FFF2-40B4-BE49-F238E27FC236}">
                  <a16:creationId xmlns:a16="http://schemas.microsoft.com/office/drawing/2014/main" id="{A3A5F955-F00E-47C6-B090-1C5DB2E721B7}"/>
                </a:ext>
              </a:extLst>
            </p:cNvPr>
            <p:cNvSpPr/>
            <p:nvPr/>
          </p:nvSpPr>
          <p:spPr>
            <a:xfrm>
              <a:off x="3387591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5" name="Freihandform 154">
              <a:extLst>
                <a:ext uri="{FF2B5EF4-FFF2-40B4-BE49-F238E27FC236}">
                  <a16:creationId xmlns:a16="http://schemas.microsoft.com/office/drawing/2014/main" id="{B1B764A4-304B-725E-6885-3177CD6E0B79}"/>
                </a:ext>
              </a:extLst>
            </p:cNvPr>
            <p:cNvSpPr/>
            <p:nvPr/>
          </p:nvSpPr>
          <p:spPr>
            <a:xfrm>
              <a:off x="3560899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6" name="Freihandform 155">
              <a:extLst>
                <a:ext uri="{FF2B5EF4-FFF2-40B4-BE49-F238E27FC236}">
                  <a16:creationId xmlns:a16="http://schemas.microsoft.com/office/drawing/2014/main" id="{547D6C66-9DED-BBFA-D41A-988044D72BAA}"/>
                </a:ext>
              </a:extLst>
            </p:cNvPr>
            <p:cNvSpPr/>
            <p:nvPr/>
          </p:nvSpPr>
          <p:spPr>
            <a:xfrm>
              <a:off x="3734255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7" name="Freihandform 156">
              <a:extLst>
                <a:ext uri="{FF2B5EF4-FFF2-40B4-BE49-F238E27FC236}">
                  <a16:creationId xmlns:a16="http://schemas.microsoft.com/office/drawing/2014/main" id="{9A75F283-1A1D-12E3-DAC1-F3DCAEAD35AC}"/>
                </a:ext>
              </a:extLst>
            </p:cNvPr>
            <p:cNvSpPr/>
            <p:nvPr/>
          </p:nvSpPr>
          <p:spPr>
            <a:xfrm>
              <a:off x="3214235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8" name="Freihandform 157">
              <a:extLst>
                <a:ext uri="{FF2B5EF4-FFF2-40B4-BE49-F238E27FC236}">
                  <a16:creationId xmlns:a16="http://schemas.microsoft.com/office/drawing/2014/main" id="{B4FB22E4-92D7-E67D-4200-5529DD704C1F}"/>
                </a:ext>
              </a:extLst>
            </p:cNvPr>
            <p:cNvSpPr/>
            <p:nvPr/>
          </p:nvSpPr>
          <p:spPr>
            <a:xfrm>
              <a:off x="3387591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59" name="Freihandform 158">
              <a:extLst>
                <a:ext uri="{FF2B5EF4-FFF2-40B4-BE49-F238E27FC236}">
                  <a16:creationId xmlns:a16="http://schemas.microsoft.com/office/drawing/2014/main" id="{5DB1AED6-2AAA-F9CB-388C-3ABE3736B99C}"/>
                </a:ext>
              </a:extLst>
            </p:cNvPr>
            <p:cNvSpPr/>
            <p:nvPr/>
          </p:nvSpPr>
          <p:spPr>
            <a:xfrm>
              <a:off x="3560899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0" name="Freihandform 159">
              <a:extLst>
                <a:ext uri="{FF2B5EF4-FFF2-40B4-BE49-F238E27FC236}">
                  <a16:creationId xmlns:a16="http://schemas.microsoft.com/office/drawing/2014/main" id="{C318BC92-9348-AF04-8346-EC5D66D503BD}"/>
                </a:ext>
              </a:extLst>
            </p:cNvPr>
            <p:cNvSpPr/>
            <p:nvPr/>
          </p:nvSpPr>
          <p:spPr>
            <a:xfrm>
              <a:off x="3734255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1" name="Freihandform 160">
              <a:extLst>
                <a:ext uri="{FF2B5EF4-FFF2-40B4-BE49-F238E27FC236}">
                  <a16:creationId xmlns:a16="http://schemas.microsoft.com/office/drawing/2014/main" id="{9CB8EB34-4F86-7E13-99E4-3E85F0ADD057}"/>
                </a:ext>
              </a:extLst>
            </p:cNvPr>
            <p:cNvSpPr/>
            <p:nvPr/>
          </p:nvSpPr>
          <p:spPr>
            <a:xfrm>
              <a:off x="3214235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2" name="Freihandform 161">
              <a:extLst>
                <a:ext uri="{FF2B5EF4-FFF2-40B4-BE49-F238E27FC236}">
                  <a16:creationId xmlns:a16="http://schemas.microsoft.com/office/drawing/2014/main" id="{9C3F45CF-03FB-319C-4E7A-CDBAACBE83C7}"/>
                </a:ext>
              </a:extLst>
            </p:cNvPr>
            <p:cNvSpPr/>
            <p:nvPr/>
          </p:nvSpPr>
          <p:spPr>
            <a:xfrm>
              <a:off x="3387591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3" name="Freihandform 162">
              <a:extLst>
                <a:ext uri="{FF2B5EF4-FFF2-40B4-BE49-F238E27FC236}">
                  <a16:creationId xmlns:a16="http://schemas.microsoft.com/office/drawing/2014/main" id="{A2D3EE3D-1D14-D5FC-AB42-48BD1CC75A8A}"/>
                </a:ext>
              </a:extLst>
            </p:cNvPr>
            <p:cNvSpPr/>
            <p:nvPr/>
          </p:nvSpPr>
          <p:spPr>
            <a:xfrm>
              <a:off x="3214235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4" name="Freihandform 163">
              <a:extLst>
                <a:ext uri="{FF2B5EF4-FFF2-40B4-BE49-F238E27FC236}">
                  <a16:creationId xmlns:a16="http://schemas.microsoft.com/office/drawing/2014/main" id="{6C9DD662-2C48-8D22-27A0-FFDC6F4CF62A}"/>
                </a:ext>
              </a:extLst>
            </p:cNvPr>
            <p:cNvSpPr/>
            <p:nvPr/>
          </p:nvSpPr>
          <p:spPr>
            <a:xfrm>
              <a:off x="3560899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5" name="Freihandform 164">
              <a:extLst>
                <a:ext uri="{FF2B5EF4-FFF2-40B4-BE49-F238E27FC236}">
                  <a16:creationId xmlns:a16="http://schemas.microsoft.com/office/drawing/2014/main" id="{37F2D735-2685-1A90-01DF-F543F5296E64}"/>
                </a:ext>
              </a:extLst>
            </p:cNvPr>
            <p:cNvSpPr/>
            <p:nvPr/>
          </p:nvSpPr>
          <p:spPr>
            <a:xfrm>
              <a:off x="3387591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6" name="Freihandform 165">
              <a:extLst>
                <a:ext uri="{FF2B5EF4-FFF2-40B4-BE49-F238E27FC236}">
                  <a16:creationId xmlns:a16="http://schemas.microsoft.com/office/drawing/2014/main" id="{94AE176F-4A8A-F663-2ADE-AEDD64482F47}"/>
                </a:ext>
              </a:extLst>
            </p:cNvPr>
            <p:cNvSpPr/>
            <p:nvPr/>
          </p:nvSpPr>
          <p:spPr>
            <a:xfrm>
              <a:off x="3560899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7" name="Freihandform 166">
              <a:extLst>
                <a:ext uri="{FF2B5EF4-FFF2-40B4-BE49-F238E27FC236}">
                  <a16:creationId xmlns:a16="http://schemas.microsoft.com/office/drawing/2014/main" id="{5D7A6396-EEB4-A65B-4A7F-BF6EB7CDDC2A}"/>
                </a:ext>
              </a:extLst>
            </p:cNvPr>
            <p:cNvSpPr/>
            <p:nvPr/>
          </p:nvSpPr>
          <p:spPr>
            <a:xfrm>
              <a:off x="3734255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8" name="Freihandform 167">
              <a:extLst>
                <a:ext uri="{FF2B5EF4-FFF2-40B4-BE49-F238E27FC236}">
                  <a16:creationId xmlns:a16="http://schemas.microsoft.com/office/drawing/2014/main" id="{F2A62EBD-4473-854E-0843-663E76BE59FE}"/>
                </a:ext>
              </a:extLst>
            </p:cNvPr>
            <p:cNvSpPr/>
            <p:nvPr/>
          </p:nvSpPr>
          <p:spPr>
            <a:xfrm>
              <a:off x="3907611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69" name="Freihandform 168">
              <a:extLst>
                <a:ext uri="{FF2B5EF4-FFF2-40B4-BE49-F238E27FC236}">
                  <a16:creationId xmlns:a16="http://schemas.microsoft.com/office/drawing/2014/main" id="{531AC589-4987-F57C-23FE-335CB2227F4B}"/>
                </a:ext>
              </a:extLst>
            </p:cNvPr>
            <p:cNvSpPr/>
            <p:nvPr/>
          </p:nvSpPr>
          <p:spPr>
            <a:xfrm>
              <a:off x="3387591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0" name="Freihandform 169">
              <a:extLst>
                <a:ext uri="{FF2B5EF4-FFF2-40B4-BE49-F238E27FC236}">
                  <a16:creationId xmlns:a16="http://schemas.microsoft.com/office/drawing/2014/main" id="{6ADDE70C-622B-7C3D-045E-DE37737D9EAA}"/>
                </a:ext>
              </a:extLst>
            </p:cNvPr>
            <p:cNvSpPr/>
            <p:nvPr/>
          </p:nvSpPr>
          <p:spPr>
            <a:xfrm>
              <a:off x="3560899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1" name="Freihandform 170">
              <a:extLst>
                <a:ext uri="{FF2B5EF4-FFF2-40B4-BE49-F238E27FC236}">
                  <a16:creationId xmlns:a16="http://schemas.microsoft.com/office/drawing/2014/main" id="{24B5E34B-8076-EF92-BD38-8372D22E9416}"/>
                </a:ext>
              </a:extLst>
            </p:cNvPr>
            <p:cNvSpPr/>
            <p:nvPr/>
          </p:nvSpPr>
          <p:spPr>
            <a:xfrm>
              <a:off x="3734255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2" name="Freihandform 171">
              <a:extLst>
                <a:ext uri="{FF2B5EF4-FFF2-40B4-BE49-F238E27FC236}">
                  <a16:creationId xmlns:a16="http://schemas.microsoft.com/office/drawing/2014/main" id="{316FE624-D9A8-14AA-7D57-5CD699A8C882}"/>
                </a:ext>
              </a:extLst>
            </p:cNvPr>
            <p:cNvSpPr/>
            <p:nvPr/>
          </p:nvSpPr>
          <p:spPr>
            <a:xfrm>
              <a:off x="3907611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3" name="Freihandform 172">
              <a:extLst>
                <a:ext uri="{FF2B5EF4-FFF2-40B4-BE49-F238E27FC236}">
                  <a16:creationId xmlns:a16="http://schemas.microsoft.com/office/drawing/2014/main" id="{800FA3A0-C9FD-5FCB-0C3E-E646F6285B26}"/>
                </a:ext>
              </a:extLst>
            </p:cNvPr>
            <p:cNvSpPr/>
            <p:nvPr/>
          </p:nvSpPr>
          <p:spPr>
            <a:xfrm>
              <a:off x="4080920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4" name="Freihandform 173">
              <a:extLst>
                <a:ext uri="{FF2B5EF4-FFF2-40B4-BE49-F238E27FC236}">
                  <a16:creationId xmlns:a16="http://schemas.microsoft.com/office/drawing/2014/main" id="{5689421E-0E41-94A7-C586-9D9B1E080B34}"/>
                </a:ext>
              </a:extLst>
            </p:cNvPr>
            <p:cNvSpPr/>
            <p:nvPr/>
          </p:nvSpPr>
          <p:spPr>
            <a:xfrm>
              <a:off x="3387591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5" name="Freihandform 174">
              <a:extLst>
                <a:ext uri="{FF2B5EF4-FFF2-40B4-BE49-F238E27FC236}">
                  <a16:creationId xmlns:a16="http://schemas.microsoft.com/office/drawing/2014/main" id="{68BA6630-3210-C4D9-3CBA-179ECEC1A791}"/>
                </a:ext>
              </a:extLst>
            </p:cNvPr>
            <p:cNvSpPr/>
            <p:nvPr/>
          </p:nvSpPr>
          <p:spPr>
            <a:xfrm>
              <a:off x="3560899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6" name="Freihandform 175">
              <a:extLst>
                <a:ext uri="{FF2B5EF4-FFF2-40B4-BE49-F238E27FC236}">
                  <a16:creationId xmlns:a16="http://schemas.microsoft.com/office/drawing/2014/main" id="{FC171E8A-820E-A664-EFC2-2FBDBB9A146C}"/>
                </a:ext>
              </a:extLst>
            </p:cNvPr>
            <p:cNvSpPr/>
            <p:nvPr/>
          </p:nvSpPr>
          <p:spPr>
            <a:xfrm>
              <a:off x="3734255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7" name="Freihandform 176">
              <a:extLst>
                <a:ext uri="{FF2B5EF4-FFF2-40B4-BE49-F238E27FC236}">
                  <a16:creationId xmlns:a16="http://schemas.microsoft.com/office/drawing/2014/main" id="{A950B1C5-FD4A-D083-06DF-B473E8FF528E}"/>
                </a:ext>
              </a:extLst>
            </p:cNvPr>
            <p:cNvSpPr/>
            <p:nvPr/>
          </p:nvSpPr>
          <p:spPr>
            <a:xfrm>
              <a:off x="3907611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8" name="Freihandform 177">
              <a:extLst>
                <a:ext uri="{FF2B5EF4-FFF2-40B4-BE49-F238E27FC236}">
                  <a16:creationId xmlns:a16="http://schemas.microsoft.com/office/drawing/2014/main" id="{1E0E63C4-AE2B-039A-C47B-A21B26A73AE4}"/>
                </a:ext>
              </a:extLst>
            </p:cNvPr>
            <p:cNvSpPr/>
            <p:nvPr/>
          </p:nvSpPr>
          <p:spPr>
            <a:xfrm>
              <a:off x="4080920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79" name="Freihandform 178">
              <a:extLst>
                <a:ext uri="{FF2B5EF4-FFF2-40B4-BE49-F238E27FC236}">
                  <a16:creationId xmlns:a16="http://schemas.microsoft.com/office/drawing/2014/main" id="{124AF71E-5509-E465-5FFD-B63DBC6AA503}"/>
                </a:ext>
              </a:extLst>
            </p:cNvPr>
            <p:cNvSpPr/>
            <p:nvPr/>
          </p:nvSpPr>
          <p:spPr>
            <a:xfrm>
              <a:off x="3387591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0" name="Freihandform 179">
              <a:extLst>
                <a:ext uri="{FF2B5EF4-FFF2-40B4-BE49-F238E27FC236}">
                  <a16:creationId xmlns:a16="http://schemas.microsoft.com/office/drawing/2014/main" id="{779F2693-DCE4-A686-E429-E99DAB998C54}"/>
                </a:ext>
              </a:extLst>
            </p:cNvPr>
            <p:cNvSpPr/>
            <p:nvPr/>
          </p:nvSpPr>
          <p:spPr>
            <a:xfrm>
              <a:off x="3560899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1" name="Freihandform 180">
              <a:extLst>
                <a:ext uri="{FF2B5EF4-FFF2-40B4-BE49-F238E27FC236}">
                  <a16:creationId xmlns:a16="http://schemas.microsoft.com/office/drawing/2014/main" id="{764DDF29-81DA-4BDC-8663-13EBC4F2852B}"/>
                </a:ext>
              </a:extLst>
            </p:cNvPr>
            <p:cNvSpPr/>
            <p:nvPr/>
          </p:nvSpPr>
          <p:spPr>
            <a:xfrm>
              <a:off x="3734255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2" name="Freihandform 181">
              <a:extLst>
                <a:ext uri="{FF2B5EF4-FFF2-40B4-BE49-F238E27FC236}">
                  <a16:creationId xmlns:a16="http://schemas.microsoft.com/office/drawing/2014/main" id="{2748F695-0F5F-F39E-A04D-C78DBC351C0B}"/>
                </a:ext>
              </a:extLst>
            </p:cNvPr>
            <p:cNvSpPr/>
            <p:nvPr/>
          </p:nvSpPr>
          <p:spPr>
            <a:xfrm>
              <a:off x="3907611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3" name="Freihandform 182">
              <a:extLst>
                <a:ext uri="{FF2B5EF4-FFF2-40B4-BE49-F238E27FC236}">
                  <a16:creationId xmlns:a16="http://schemas.microsoft.com/office/drawing/2014/main" id="{92E0054A-4788-A808-B1A2-DD89E31C8A4D}"/>
                </a:ext>
              </a:extLst>
            </p:cNvPr>
            <p:cNvSpPr/>
            <p:nvPr/>
          </p:nvSpPr>
          <p:spPr>
            <a:xfrm>
              <a:off x="4080920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4" name="Freihandform 183">
              <a:extLst>
                <a:ext uri="{FF2B5EF4-FFF2-40B4-BE49-F238E27FC236}">
                  <a16:creationId xmlns:a16="http://schemas.microsoft.com/office/drawing/2014/main" id="{EB62DBE7-E21E-0280-F9C8-2747826780CA}"/>
                </a:ext>
              </a:extLst>
            </p:cNvPr>
            <p:cNvSpPr/>
            <p:nvPr/>
          </p:nvSpPr>
          <p:spPr>
            <a:xfrm>
              <a:off x="3387591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5" name="Freihandform 184">
              <a:extLst>
                <a:ext uri="{FF2B5EF4-FFF2-40B4-BE49-F238E27FC236}">
                  <a16:creationId xmlns:a16="http://schemas.microsoft.com/office/drawing/2014/main" id="{240E238D-6DB9-60B3-7765-BE5292502F47}"/>
                </a:ext>
              </a:extLst>
            </p:cNvPr>
            <p:cNvSpPr/>
            <p:nvPr/>
          </p:nvSpPr>
          <p:spPr>
            <a:xfrm>
              <a:off x="3560899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6" name="Freihandform 185">
              <a:extLst>
                <a:ext uri="{FF2B5EF4-FFF2-40B4-BE49-F238E27FC236}">
                  <a16:creationId xmlns:a16="http://schemas.microsoft.com/office/drawing/2014/main" id="{8BC12808-ABE7-BB76-D5AF-7F84679EE4A4}"/>
                </a:ext>
              </a:extLst>
            </p:cNvPr>
            <p:cNvSpPr/>
            <p:nvPr/>
          </p:nvSpPr>
          <p:spPr>
            <a:xfrm>
              <a:off x="3734255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7" name="Freihandform 186">
              <a:extLst>
                <a:ext uri="{FF2B5EF4-FFF2-40B4-BE49-F238E27FC236}">
                  <a16:creationId xmlns:a16="http://schemas.microsoft.com/office/drawing/2014/main" id="{337814A4-B72F-06FE-2F59-73196F800C02}"/>
                </a:ext>
              </a:extLst>
            </p:cNvPr>
            <p:cNvSpPr/>
            <p:nvPr/>
          </p:nvSpPr>
          <p:spPr>
            <a:xfrm>
              <a:off x="3907611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8" name="Freihandform 187">
              <a:extLst>
                <a:ext uri="{FF2B5EF4-FFF2-40B4-BE49-F238E27FC236}">
                  <a16:creationId xmlns:a16="http://schemas.microsoft.com/office/drawing/2014/main" id="{C5BE96AF-F66E-8674-8A20-083F9920A43D}"/>
                </a:ext>
              </a:extLst>
            </p:cNvPr>
            <p:cNvSpPr/>
            <p:nvPr/>
          </p:nvSpPr>
          <p:spPr>
            <a:xfrm>
              <a:off x="4080920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89" name="Freihandform 188">
              <a:extLst>
                <a:ext uri="{FF2B5EF4-FFF2-40B4-BE49-F238E27FC236}">
                  <a16:creationId xmlns:a16="http://schemas.microsoft.com/office/drawing/2014/main" id="{12A82B84-72DC-BBAC-ADB1-F225CAED6C66}"/>
                </a:ext>
              </a:extLst>
            </p:cNvPr>
            <p:cNvSpPr/>
            <p:nvPr/>
          </p:nvSpPr>
          <p:spPr>
            <a:xfrm>
              <a:off x="3734255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0" name="Freihandform 189">
              <a:extLst>
                <a:ext uri="{FF2B5EF4-FFF2-40B4-BE49-F238E27FC236}">
                  <a16:creationId xmlns:a16="http://schemas.microsoft.com/office/drawing/2014/main" id="{5A33405B-B7EC-B9EB-F34C-707875BE067D}"/>
                </a:ext>
              </a:extLst>
            </p:cNvPr>
            <p:cNvSpPr/>
            <p:nvPr/>
          </p:nvSpPr>
          <p:spPr>
            <a:xfrm>
              <a:off x="3907611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1" name="Freihandform 190">
              <a:extLst>
                <a:ext uri="{FF2B5EF4-FFF2-40B4-BE49-F238E27FC236}">
                  <a16:creationId xmlns:a16="http://schemas.microsoft.com/office/drawing/2014/main" id="{4F8155E0-5376-5560-1B9C-637CEB577133}"/>
                </a:ext>
              </a:extLst>
            </p:cNvPr>
            <p:cNvSpPr/>
            <p:nvPr/>
          </p:nvSpPr>
          <p:spPr>
            <a:xfrm>
              <a:off x="4080920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2" name="Freihandform 191">
              <a:extLst>
                <a:ext uri="{FF2B5EF4-FFF2-40B4-BE49-F238E27FC236}">
                  <a16:creationId xmlns:a16="http://schemas.microsoft.com/office/drawing/2014/main" id="{92B82043-FEA9-4B40-D22C-E2546E58BC2E}"/>
                </a:ext>
              </a:extLst>
            </p:cNvPr>
            <p:cNvSpPr/>
            <p:nvPr/>
          </p:nvSpPr>
          <p:spPr>
            <a:xfrm>
              <a:off x="4254275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3" name="Freihandform 192">
              <a:extLst>
                <a:ext uri="{FF2B5EF4-FFF2-40B4-BE49-F238E27FC236}">
                  <a16:creationId xmlns:a16="http://schemas.microsoft.com/office/drawing/2014/main" id="{8CEAB495-82E7-4BDF-394E-20B1ADE5BDB8}"/>
                </a:ext>
              </a:extLst>
            </p:cNvPr>
            <p:cNvSpPr/>
            <p:nvPr/>
          </p:nvSpPr>
          <p:spPr>
            <a:xfrm>
              <a:off x="4427584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4" name="Freihandform 193">
              <a:extLst>
                <a:ext uri="{FF2B5EF4-FFF2-40B4-BE49-F238E27FC236}">
                  <a16:creationId xmlns:a16="http://schemas.microsoft.com/office/drawing/2014/main" id="{9D421DBC-4740-F6A2-4485-C4AF02B74051}"/>
                </a:ext>
              </a:extLst>
            </p:cNvPr>
            <p:cNvSpPr/>
            <p:nvPr/>
          </p:nvSpPr>
          <p:spPr>
            <a:xfrm>
              <a:off x="4254275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5" name="Freihandform 194">
              <a:extLst>
                <a:ext uri="{FF2B5EF4-FFF2-40B4-BE49-F238E27FC236}">
                  <a16:creationId xmlns:a16="http://schemas.microsoft.com/office/drawing/2014/main" id="{788A0C4B-7D07-4BC5-B652-7E70CE95E1DC}"/>
                </a:ext>
              </a:extLst>
            </p:cNvPr>
            <p:cNvSpPr/>
            <p:nvPr/>
          </p:nvSpPr>
          <p:spPr>
            <a:xfrm>
              <a:off x="4427584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6" name="Freihandform 195">
              <a:extLst>
                <a:ext uri="{FF2B5EF4-FFF2-40B4-BE49-F238E27FC236}">
                  <a16:creationId xmlns:a16="http://schemas.microsoft.com/office/drawing/2014/main" id="{F8A7EB54-9AC5-DD88-F857-601AB1CF6151}"/>
                </a:ext>
              </a:extLst>
            </p:cNvPr>
            <p:cNvSpPr/>
            <p:nvPr/>
          </p:nvSpPr>
          <p:spPr>
            <a:xfrm>
              <a:off x="4254275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7" name="Freihandform 196">
              <a:extLst>
                <a:ext uri="{FF2B5EF4-FFF2-40B4-BE49-F238E27FC236}">
                  <a16:creationId xmlns:a16="http://schemas.microsoft.com/office/drawing/2014/main" id="{6AE77463-B1D2-08A7-8880-B66663088B68}"/>
                </a:ext>
              </a:extLst>
            </p:cNvPr>
            <p:cNvSpPr/>
            <p:nvPr/>
          </p:nvSpPr>
          <p:spPr>
            <a:xfrm>
              <a:off x="4427584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8" name="Freihandform 197">
              <a:extLst>
                <a:ext uri="{FF2B5EF4-FFF2-40B4-BE49-F238E27FC236}">
                  <a16:creationId xmlns:a16="http://schemas.microsoft.com/office/drawing/2014/main" id="{E43B0B77-8116-9E28-440A-219CC8515DED}"/>
                </a:ext>
              </a:extLst>
            </p:cNvPr>
            <p:cNvSpPr/>
            <p:nvPr/>
          </p:nvSpPr>
          <p:spPr>
            <a:xfrm>
              <a:off x="4427584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199" name="Freihandform 198">
              <a:extLst>
                <a:ext uri="{FF2B5EF4-FFF2-40B4-BE49-F238E27FC236}">
                  <a16:creationId xmlns:a16="http://schemas.microsoft.com/office/drawing/2014/main" id="{B6A9BCEA-1B7A-A3A9-F804-52FB6309A2A9}"/>
                </a:ext>
              </a:extLst>
            </p:cNvPr>
            <p:cNvSpPr/>
            <p:nvPr/>
          </p:nvSpPr>
          <p:spPr>
            <a:xfrm>
              <a:off x="4427584" y="52030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0" name="Freihandform 199">
              <a:extLst>
                <a:ext uri="{FF2B5EF4-FFF2-40B4-BE49-F238E27FC236}">
                  <a16:creationId xmlns:a16="http://schemas.microsoft.com/office/drawing/2014/main" id="{CFA2F152-2448-E7F5-32B7-2D79D8EF5275}"/>
                </a:ext>
              </a:extLst>
            </p:cNvPr>
            <p:cNvSpPr/>
            <p:nvPr/>
          </p:nvSpPr>
          <p:spPr>
            <a:xfrm>
              <a:off x="4427584" y="34685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1" name="Freihandform 200">
              <a:extLst>
                <a:ext uri="{FF2B5EF4-FFF2-40B4-BE49-F238E27FC236}">
                  <a16:creationId xmlns:a16="http://schemas.microsoft.com/office/drawing/2014/main" id="{8BFE8197-6C31-7EF1-E129-D5C17B64E711}"/>
                </a:ext>
              </a:extLst>
            </p:cNvPr>
            <p:cNvSpPr/>
            <p:nvPr/>
          </p:nvSpPr>
          <p:spPr>
            <a:xfrm>
              <a:off x="4427584" y="17345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2" name="Freihandform 201">
              <a:extLst>
                <a:ext uri="{FF2B5EF4-FFF2-40B4-BE49-F238E27FC236}">
                  <a16:creationId xmlns:a16="http://schemas.microsoft.com/office/drawing/2014/main" id="{C3DA2713-8002-1D8D-EA9E-9986EBD9F6F2}"/>
                </a:ext>
              </a:extLst>
            </p:cNvPr>
            <p:cNvSpPr/>
            <p:nvPr/>
          </p:nvSpPr>
          <p:spPr>
            <a:xfrm>
              <a:off x="4427584" y="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3" name="Freihandform 202">
              <a:extLst>
                <a:ext uri="{FF2B5EF4-FFF2-40B4-BE49-F238E27FC236}">
                  <a16:creationId xmlns:a16="http://schemas.microsoft.com/office/drawing/2014/main" id="{45FE453B-7BC3-23BC-D39E-C6F797DE629D}"/>
                </a:ext>
              </a:extLst>
            </p:cNvPr>
            <p:cNvSpPr/>
            <p:nvPr/>
          </p:nvSpPr>
          <p:spPr>
            <a:xfrm>
              <a:off x="5987644" y="52030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4" name="Freihandform 203">
              <a:extLst>
                <a:ext uri="{FF2B5EF4-FFF2-40B4-BE49-F238E27FC236}">
                  <a16:creationId xmlns:a16="http://schemas.microsoft.com/office/drawing/2014/main" id="{AA93D183-0BA4-ACE2-EAC1-8894A2279B20}"/>
                </a:ext>
              </a:extLst>
            </p:cNvPr>
            <p:cNvSpPr/>
            <p:nvPr/>
          </p:nvSpPr>
          <p:spPr>
            <a:xfrm>
              <a:off x="6161000" y="52030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5" name="Freihandform 204">
              <a:extLst>
                <a:ext uri="{FF2B5EF4-FFF2-40B4-BE49-F238E27FC236}">
                  <a16:creationId xmlns:a16="http://schemas.microsoft.com/office/drawing/2014/main" id="{8EFBC2E0-6A8C-94D8-D8D7-F694B56D0E38}"/>
                </a:ext>
              </a:extLst>
            </p:cNvPr>
            <p:cNvSpPr/>
            <p:nvPr/>
          </p:nvSpPr>
          <p:spPr>
            <a:xfrm>
              <a:off x="6334356" y="52030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6" name="Freihandform 205">
              <a:extLst>
                <a:ext uri="{FF2B5EF4-FFF2-40B4-BE49-F238E27FC236}">
                  <a16:creationId xmlns:a16="http://schemas.microsoft.com/office/drawing/2014/main" id="{35AA590B-AC60-5107-C043-AA0F9969C77E}"/>
                </a:ext>
              </a:extLst>
            </p:cNvPr>
            <p:cNvSpPr/>
            <p:nvPr/>
          </p:nvSpPr>
          <p:spPr>
            <a:xfrm>
              <a:off x="6507665" y="520303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7" name="Freihandform 206">
              <a:extLst>
                <a:ext uri="{FF2B5EF4-FFF2-40B4-BE49-F238E27FC236}">
                  <a16:creationId xmlns:a16="http://schemas.microsoft.com/office/drawing/2014/main" id="{92BBB58C-8AFC-9261-C9BC-60538BC9F16B}"/>
                </a:ext>
              </a:extLst>
            </p:cNvPr>
            <p:cNvSpPr/>
            <p:nvPr/>
          </p:nvSpPr>
          <p:spPr>
            <a:xfrm>
              <a:off x="5987644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8" name="Freihandform 207">
              <a:extLst>
                <a:ext uri="{FF2B5EF4-FFF2-40B4-BE49-F238E27FC236}">
                  <a16:creationId xmlns:a16="http://schemas.microsoft.com/office/drawing/2014/main" id="{46E2E024-D1BD-76E7-D9C0-63EEC7FC6B71}"/>
                </a:ext>
              </a:extLst>
            </p:cNvPr>
            <p:cNvSpPr/>
            <p:nvPr/>
          </p:nvSpPr>
          <p:spPr>
            <a:xfrm>
              <a:off x="6161000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09" name="Freihandform 208">
              <a:extLst>
                <a:ext uri="{FF2B5EF4-FFF2-40B4-BE49-F238E27FC236}">
                  <a16:creationId xmlns:a16="http://schemas.microsoft.com/office/drawing/2014/main" id="{2637AB0E-5F1B-7EF0-687A-1CC0857E0F78}"/>
                </a:ext>
              </a:extLst>
            </p:cNvPr>
            <p:cNvSpPr/>
            <p:nvPr/>
          </p:nvSpPr>
          <p:spPr>
            <a:xfrm>
              <a:off x="6334356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0" name="Freihandform 209">
              <a:extLst>
                <a:ext uri="{FF2B5EF4-FFF2-40B4-BE49-F238E27FC236}">
                  <a16:creationId xmlns:a16="http://schemas.microsoft.com/office/drawing/2014/main" id="{66A15DBD-8555-580D-09CC-4B8C032373E1}"/>
                </a:ext>
              </a:extLst>
            </p:cNvPr>
            <p:cNvSpPr/>
            <p:nvPr/>
          </p:nvSpPr>
          <p:spPr>
            <a:xfrm>
              <a:off x="6507665" y="693753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1" name="Freihandform 210">
              <a:extLst>
                <a:ext uri="{FF2B5EF4-FFF2-40B4-BE49-F238E27FC236}">
                  <a16:creationId xmlns:a16="http://schemas.microsoft.com/office/drawing/2014/main" id="{F263C8D6-AECB-3E3D-3B77-BA54B76B7AE9}"/>
                </a:ext>
              </a:extLst>
            </p:cNvPr>
            <p:cNvSpPr/>
            <p:nvPr/>
          </p:nvSpPr>
          <p:spPr>
            <a:xfrm>
              <a:off x="6681021" y="693753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2" name="Freihandform 211">
              <a:extLst>
                <a:ext uri="{FF2B5EF4-FFF2-40B4-BE49-F238E27FC236}">
                  <a16:creationId xmlns:a16="http://schemas.microsoft.com/office/drawing/2014/main" id="{924DC87F-7E23-08A9-D73E-92F283CCDC56}"/>
                </a:ext>
              </a:extLst>
            </p:cNvPr>
            <p:cNvSpPr/>
            <p:nvPr/>
          </p:nvSpPr>
          <p:spPr>
            <a:xfrm>
              <a:off x="5987644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3" name="Freihandform 212">
              <a:extLst>
                <a:ext uri="{FF2B5EF4-FFF2-40B4-BE49-F238E27FC236}">
                  <a16:creationId xmlns:a16="http://schemas.microsoft.com/office/drawing/2014/main" id="{08930420-C6BD-81C3-DE72-53DFA0E3213C}"/>
                </a:ext>
              </a:extLst>
            </p:cNvPr>
            <p:cNvSpPr/>
            <p:nvPr/>
          </p:nvSpPr>
          <p:spPr>
            <a:xfrm>
              <a:off x="6161000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4" name="Freihandform 213">
              <a:extLst>
                <a:ext uri="{FF2B5EF4-FFF2-40B4-BE49-F238E27FC236}">
                  <a16:creationId xmlns:a16="http://schemas.microsoft.com/office/drawing/2014/main" id="{117B1B95-F9A3-C315-288C-B17F0EC1F258}"/>
                </a:ext>
              </a:extLst>
            </p:cNvPr>
            <p:cNvSpPr/>
            <p:nvPr/>
          </p:nvSpPr>
          <p:spPr>
            <a:xfrm>
              <a:off x="6334356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5" name="Freihandform 214">
              <a:extLst>
                <a:ext uri="{FF2B5EF4-FFF2-40B4-BE49-F238E27FC236}">
                  <a16:creationId xmlns:a16="http://schemas.microsoft.com/office/drawing/2014/main" id="{8D5C2248-2D56-42E1-B0DD-868B5AFD7EC4}"/>
                </a:ext>
              </a:extLst>
            </p:cNvPr>
            <p:cNvSpPr/>
            <p:nvPr/>
          </p:nvSpPr>
          <p:spPr>
            <a:xfrm>
              <a:off x="6507665" y="867155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6" name="Freihandform 215">
              <a:extLst>
                <a:ext uri="{FF2B5EF4-FFF2-40B4-BE49-F238E27FC236}">
                  <a16:creationId xmlns:a16="http://schemas.microsoft.com/office/drawing/2014/main" id="{205E6ED0-8512-328F-F873-04EE47566EAD}"/>
                </a:ext>
              </a:extLst>
            </p:cNvPr>
            <p:cNvSpPr/>
            <p:nvPr/>
          </p:nvSpPr>
          <p:spPr>
            <a:xfrm>
              <a:off x="6681021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7" name="Freihandform 216">
              <a:extLst>
                <a:ext uri="{FF2B5EF4-FFF2-40B4-BE49-F238E27FC236}">
                  <a16:creationId xmlns:a16="http://schemas.microsoft.com/office/drawing/2014/main" id="{B53C2A58-8444-313D-9ED1-D96F73BD7C74}"/>
                </a:ext>
              </a:extLst>
            </p:cNvPr>
            <p:cNvSpPr/>
            <p:nvPr/>
          </p:nvSpPr>
          <p:spPr>
            <a:xfrm>
              <a:off x="6854376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8" name="Freihandform 217">
              <a:extLst>
                <a:ext uri="{FF2B5EF4-FFF2-40B4-BE49-F238E27FC236}">
                  <a16:creationId xmlns:a16="http://schemas.microsoft.com/office/drawing/2014/main" id="{A6770C72-B532-19AC-086A-6F3E79824104}"/>
                </a:ext>
              </a:extLst>
            </p:cNvPr>
            <p:cNvSpPr/>
            <p:nvPr/>
          </p:nvSpPr>
          <p:spPr>
            <a:xfrm>
              <a:off x="7027685" y="867155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19" name="Freihandform 218">
              <a:extLst>
                <a:ext uri="{FF2B5EF4-FFF2-40B4-BE49-F238E27FC236}">
                  <a16:creationId xmlns:a16="http://schemas.microsoft.com/office/drawing/2014/main" id="{85431AB2-7DDE-07D0-ED29-0612D32A6B2B}"/>
                </a:ext>
              </a:extLst>
            </p:cNvPr>
            <p:cNvSpPr/>
            <p:nvPr/>
          </p:nvSpPr>
          <p:spPr>
            <a:xfrm>
              <a:off x="7201041" y="86715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0" name="Freihandform 219">
              <a:extLst>
                <a:ext uri="{FF2B5EF4-FFF2-40B4-BE49-F238E27FC236}">
                  <a16:creationId xmlns:a16="http://schemas.microsoft.com/office/drawing/2014/main" id="{12B9964D-D1BB-FCE6-7241-32A04757E46C}"/>
                </a:ext>
              </a:extLst>
            </p:cNvPr>
            <p:cNvSpPr/>
            <p:nvPr/>
          </p:nvSpPr>
          <p:spPr>
            <a:xfrm>
              <a:off x="5987644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1" name="Freihandform 220">
              <a:extLst>
                <a:ext uri="{FF2B5EF4-FFF2-40B4-BE49-F238E27FC236}">
                  <a16:creationId xmlns:a16="http://schemas.microsoft.com/office/drawing/2014/main" id="{FA935F7F-A03A-2F55-9ED9-5778316ECF50}"/>
                </a:ext>
              </a:extLst>
            </p:cNvPr>
            <p:cNvSpPr/>
            <p:nvPr/>
          </p:nvSpPr>
          <p:spPr>
            <a:xfrm>
              <a:off x="6161000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2" name="Freihandform 221">
              <a:extLst>
                <a:ext uri="{FF2B5EF4-FFF2-40B4-BE49-F238E27FC236}">
                  <a16:creationId xmlns:a16="http://schemas.microsoft.com/office/drawing/2014/main" id="{696CC866-3BEE-2C70-BEB0-19C257E37EF1}"/>
                </a:ext>
              </a:extLst>
            </p:cNvPr>
            <p:cNvSpPr/>
            <p:nvPr/>
          </p:nvSpPr>
          <p:spPr>
            <a:xfrm>
              <a:off x="6334356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3" name="Freihandform 222">
              <a:extLst>
                <a:ext uri="{FF2B5EF4-FFF2-40B4-BE49-F238E27FC236}">
                  <a16:creationId xmlns:a16="http://schemas.microsoft.com/office/drawing/2014/main" id="{122C1149-B4D0-A275-0961-45E991C09794}"/>
                </a:ext>
              </a:extLst>
            </p:cNvPr>
            <p:cNvSpPr/>
            <p:nvPr/>
          </p:nvSpPr>
          <p:spPr>
            <a:xfrm>
              <a:off x="6507665" y="1040606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4" name="Freihandform 223">
              <a:extLst>
                <a:ext uri="{FF2B5EF4-FFF2-40B4-BE49-F238E27FC236}">
                  <a16:creationId xmlns:a16="http://schemas.microsoft.com/office/drawing/2014/main" id="{5EBFEEFA-B904-A6DA-F5C2-A60FA07EE65E}"/>
                </a:ext>
              </a:extLst>
            </p:cNvPr>
            <p:cNvSpPr/>
            <p:nvPr/>
          </p:nvSpPr>
          <p:spPr>
            <a:xfrm>
              <a:off x="6681021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5" name="Freihandform 224">
              <a:extLst>
                <a:ext uri="{FF2B5EF4-FFF2-40B4-BE49-F238E27FC236}">
                  <a16:creationId xmlns:a16="http://schemas.microsoft.com/office/drawing/2014/main" id="{3D2A72AE-F8C6-18E0-E248-C8D794CD455E}"/>
                </a:ext>
              </a:extLst>
            </p:cNvPr>
            <p:cNvSpPr/>
            <p:nvPr/>
          </p:nvSpPr>
          <p:spPr>
            <a:xfrm>
              <a:off x="6854376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6" name="Freihandform 225">
              <a:extLst>
                <a:ext uri="{FF2B5EF4-FFF2-40B4-BE49-F238E27FC236}">
                  <a16:creationId xmlns:a16="http://schemas.microsoft.com/office/drawing/2014/main" id="{3AC502AF-0125-97F4-41C0-DFE2847C97E7}"/>
                </a:ext>
              </a:extLst>
            </p:cNvPr>
            <p:cNvSpPr/>
            <p:nvPr/>
          </p:nvSpPr>
          <p:spPr>
            <a:xfrm>
              <a:off x="7027685" y="1040606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7" name="Freihandform 226">
              <a:extLst>
                <a:ext uri="{FF2B5EF4-FFF2-40B4-BE49-F238E27FC236}">
                  <a16:creationId xmlns:a16="http://schemas.microsoft.com/office/drawing/2014/main" id="{994185AD-28DE-9EDD-64C6-B851F59E896F}"/>
                </a:ext>
              </a:extLst>
            </p:cNvPr>
            <p:cNvSpPr/>
            <p:nvPr/>
          </p:nvSpPr>
          <p:spPr>
            <a:xfrm>
              <a:off x="7201041" y="104060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8" name="Freihandform 227">
              <a:extLst>
                <a:ext uri="{FF2B5EF4-FFF2-40B4-BE49-F238E27FC236}">
                  <a16:creationId xmlns:a16="http://schemas.microsoft.com/office/drawing/2014/main" id="{57F488E1-A5DB-F8E4-D51F-C4E8AF282A0B}"/>
                </a:ext>
              </a:extLst>
            </p:cNvPr>
            <p:cNvSpPr/>
            <p:nvPr/>
          </p:nvSpPr>
          <p:spPr>
            <a:xfrm>
              <a:off x="5987644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29" name="Freihandform 228">
              <a:extLst>
                <a:ext uri="{FF2B5EF4-FFF2-40B4-BE49-F238E27FC236}">
                  <a16:creationId xmlns:a16="http://schemas.microsoft.com/office/drawing/2014/main" id="{28E76038-8392-C3F8-38E1-13F320002C79}"/>
                </a:ext>
              </a:extLst>
            </p:cNvPr>
            <p:cNvSpPr/>
            <p:nvPr/>
          </p:nvSpPr>
          <p:spPr>
            <a:xfrm>
              <a:off x="6161000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0" name="Freihandform 229">
              <a:extLst>
                <a:ext uri="{FF2B5EF4-FFF2-40B4-BE49-F238E27FC236}">
                  <a16:creationId xmlns:a16="http://schemas.microsoft.com/office/drawing/2014/main" id="{DFA31623-C228-02E5-6F9E-20353F5591DD}"/>
                </a:ext>
              </a:extLst>
            </p:cNvPr>
            <p:cNvSpPr/>
            <p:nvPr/>
          </p:nvSpPr>
          <p:spPr>
            <a:xfrm>
              <a:off x="6334356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1" name="Freihandform 230">
              <a:extLst>
                <a:ext uri="{FF2B5EF4-FFF2-40B4-BE49-F238E27FC236}">
                  <a16:creationId xmlns:a16="http://schemas.microsoft.com/office/drawing/2014/main" id="{C6816708-4B08-F20F-0D45-90451AC64239}"/>
                </a:ext>
              </a:extLst>
            </p:cNvPr>
            <p:cNvSpPr/>
            <p:nvPr/>
          </p:nvSpPr>
          <p:spPr>
            <a:xfrm>
              <a:off x="6507665" y="1214056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2" name="Freihandform 231">
              <a:extLst>
                <a:ext uri="{FF2B5EF4-FFF2-40B4-BE49-F238E27FC236}">
                  <a16:creationId xmlns:a16="http://schemas.microsoft.com/office/drawing/2014/main" id="{211DD236-8831-D926-37E9-0167B8E3032B}"/>
                </a:ext>
              </a:extLst>
            </p:cNvPr>
            <p:cNvSpPr/>
            <p:nvPr/>
          </p:nvSpPr>
          <p:spPr>
            <a:xfrm>
              <a:off x="6681021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3" name="Freihandform 232">
              <a:extLst>
                <a:ext uri="{FF2B5EF4-FFF2-40B4-BE49-F238E27FC236}">
                  <a16:creationId xmlns:a16="http://schemas.microsoft.com/office/drawing/2014/main" id="{1A3997F2-D6E2-F2B8-FFC4-23B46AE17FEE}"/>
                </a:ext>
              </a:extLst>
            </p:cNvPr>
            <p:cNvSpPr/>
            <p:nvPr/>
          </p:nvSpPr>
          <p:spPr>
            <a:xfrm>
              <a:off x="6854376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4" name="Freihandform 233">
              <a:extLst>
                <a:ext uri="{FF2B5EF4-FFF2-40B4-BE49-F238E27FC236}">
                  <a16:creationId xmlns:a16="http://schemas.microsoft.com/office/drawing/2014/main" id="{A66C914C-C15D-EB47-8A59-3D1DBF3B96D2}"/>
                </a:ext>
              </a:extLst>
            </p:cNvPr>
            <p:cNvSpPr/>
            <p:nvPr/>
          </p:nvSpPr>
          <p:spPr>
            <a:xfrm>
              <a:off x="7027685" y="1214056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5" name="Freihandform 234">
              <a:extLst>
                <a:ext uri="{FF2B5EF4-FFF2-40B4-BE49-F238E27FC236}">
                  <a16:creationId xmlns:a16="http://schemas.microsoft.com/office/drawing/2014/main" id="{A2D8C718-8921-DB1A-F230-F32E4D005E95}"/>
                </a:ext>
              </a:extLst>
            </p:cNvPr>
            <p:cNvSpPr/>
            <p:nvPr/>
          </p:nvSpPr>
          <p:spPr>
            <a:xfrm>
              <a:off x="7201041" y="1214056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6" name="Freihandform 235">
              <a:extLst>
                <a:ext uri="{FF2B5EF4-FFF2-40B4-BE49-F238E27FC236}">
                  <a16:creationId xmlns:a16="http://schemas.microsoft.com/office/drawing/2014/main" id="{D7A36651-70E5-AC73-D27C-B0E2B3E0400E}"/>
                </a:ext>
              </a:extLst>
            </p:cNvPr>
            <p:cNvSpPr/>
            <p:nvPr/>
          </p:nvSpPr>
          <p:spPr>
            <a:xfrm>
              <a:off x="6161000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7" name="Freihandform 236">
              <a:extLst>
                <a:ext uri="{FF2B5EF4-FFF2-40B4-BE49-F238E27FC236}">
                  <a16:creationId xmlns:a16="http://schemas.microsoft.com/office/drawing/2014/main" id="{6E9FCCCF-DB3B-D9D0-2CAC-11D4765948FE}"/>
                </a:ext>
              </a:extLst>
            </p:cNvPr>
            <p:cNvSpPr/>
            <p:nvPr/>
          </p:nvSpPr>
          <p:spPr>
            <a:xfrm>
              <a:off x="6334356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8" name="Freihandform 237">
              <a:extLst>
                <a:ext uri="{FF2B5EF4-FFF2-40B4-BE49-F238E27FC236}">
                  <a16:creationId xmlns:a16="http://schemas.microsoft.com/office/drawing/2014/main" id="{150EA058-A5E0-3DED-CD56-BBEA25E65BD0}"/>
                </a:ext>
              </a:extLst>
            </p:cNvPr>
            <p:cNvSpPr/>
            <p:nvPr/>
          </p:nvSpPr>
          <p:spPr>
            <a:xfrm>
              <a:off x="6507665" y="1387459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39" name="Freihandform 238">
              <a:extLst>
                <a:ext uri="{FF2B5EF4-FFF2-40B4-BE49-F238E27FC236}">
                  <a16:creationId xmlns:a16="http://schemas.microsoft.com/office/drawing/2014/main" id="{F6AE1308-9572-2BB1-9E13-73E70ECE182E}"/>
                </a:ext>
              </a:extLst>
            </p:cNvPr>
            <p:cNvSpPr/>
            <p:nvPr/>
          </p:nvSpPr>
          <p:spPr>
            <a:xfrm>
              <a:off x="6681021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0" name="Freihandform 239">
              <a:extLst>
                <a:ext uri="{FF2B5EF4-FFF2-40B4-BE49-F238E27FC236}">
                  <a16:creationId xmlns:a16="http://schemas.microsoft.com/office/drawing/2014/main" id="{D59806AE-7A3E-8CF8-619A-67DEE5DC4C46}"/>
                </a:ext>
              </a:extLst>
            </p:cNvPr>
            <p:cNvSpPr/>
            <p:nvPr/>
          </p:nvSpPr>
          <p:spPr>
            <a:xfrm>
              <a:off x="6854376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1" name="Freihandform 240">
              <a:extLst>
                <a:ext uri="{FF2B5EF4-FFF2-40B4-BE49-F238E27FC236}">
                  <a16:creationId xmlns:a16="http://schemas.microsoft.com/office/drawing/2014/main" id="{8952A27A-D0E3-0E07-0232-FE44324D6571}"/>
                </a:ext>
              </a:extLst>
            </p:cNvPr>
            <p:cNvSpPr/>
            <p:nvPr/>
          </p:nvSpPr>
          <p:spPr>
            <a:xfrm>
              <a:off x="7027685" y="1387459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2" name="Freihandform 241">
              <a:extLst>
                <a:ext uri="{FF2B5EF4-FFF2-40B4-BE49-F238E27FC236}">
                  <a16:creationId xmlns:a16="http://schemas.microsoft.com/office/drawing/2014/main" id="{B4B50E66-3E52-7545-79E4-BA2FB2E16B2D}"/>
                </a:ext>
              </a:extLst>
            </p:cNvPr>
            <p:cNvSpPr/>
            <p:nvPr/>
          </p:nvSpPr>
          <p:spPr>
            <a:xfrm>
              <a:off x="6161000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3" name="Freihandform 242">
              <a:extLst>
                <a:ext uri="{FF2B5EF4-FFF2-40B4-BE49-F238E27FC236}">
                  <a16:creationId xmlns:a16="http://schemas.microsoft.com/office/drawing/2014/main" id="{2B20CD2F-7581-1989-B20E-231587C64091}"/>
                </a:ext>
              </a:extLst>
            </p:cNvPr>
            <p:cNvSpPr/>
            <p:nvPr/>
          </p:nvSpPr>
          <p:spPr>
            <a:xfrm>
              <a:off x="6334356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4" name="Freihandform 243">
              <a:extLst>
                <a:ext uri="{FF2B5EF4-FFF2-40B4-BE49-F238E27FC236}">
                  <a16:creationId xmlns:a16="http://schemas.microsoft.com/office/drawing/2014/main" id="{31B7B1AF-FF64-707B-5D6C-0C6FDCC80249}"/>
                </a:ext>
              </a:extLst>
            </p:cNvPr>
            <p:cNvSpPr/>
            <p:nvPr/>
          </p:nvSpPr>
          <p:spPr>
            <a:xfrm>
              <a:off x="6507665" y="1560909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5" name="Freihandform 244">
              <a:extLst>
                <a:ext uri="{FF2B5EF4-FFF2-40B4-BE49-F238E27FC236}">
                  <a16:creationId xmlns:a16="http://schemas.microsoft.com/office/drawing/2014/main" id="{9D37A5E4-B293-5813-9072-039AA424D187}"/>
                </a:ext>
              </a:extLst>
            </p:cNvPr>
            <p:cNvSpPr/>
            <p:nvPr/>
          </p:nvSpPr>
          <p:spPr>
            <a:xfrm>
              <a:off x="6681021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6" name="Freihandform 245">
              <a:extLst>
                <a:ext uri="{FF2B5EF4-FFF2-40B4-BE49-F238E27FC236}">
                  <a16:creationId xmlns:a16="http://schemas.microsoft.com/office/drawing/2014/main" id="{6977C06F-189B-F42F-3739-DA3812390CD4}"/>
                </a:ext>
              </a:extLst>
            </p:cNvPr>
            <p:cNvSpPr/>
            <p:nvPr/>
          </p:nvSpPr>
          <p:spPr>
            <a:xfrm>
              <a:off x="6854376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7" name="Freihandform 246">
              <a:extLst>
                <a:ext uri="{FF2B5EF4-FFF2-40B4-BE49-F238E27FC236}">
                  <a16:creationId xmlns:a16="http://schemas.microsoft.com/office/drawing/2014/main" id="{91628E36-DBB1-5E5F-8C14-FC983CE94AAA}"/>
                </a:ext>
              </a:extLst>
            </p:cNvPr>
            <p:cNvSpPr/>
            <p:nvPr/>
          </p:nvSpPr>
          <p:spPr>
            <a:xfrm>
              <a:off x="7201041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8" name="Freihandform 247">
              <a:extLst>
                <a:ext uri="{FF2B5EF4-FFF2-40B4-BE49-F238E27FC236}">
                  <a16:creationId xmlns:a16="http://schemas.microsoft.com/office/drawing/2014/main" id="{EC02F3DE-47FC-8D07-CE0B-0CC3632DB765}"/>
                </a:ext>
              </a:extLst>
            </p:cNvPr>
            <p:cNvSpPr/>
            <p:nvPr/>
          </p:nvSpPr>
          <p:spPr>
            <a:xfrm>
              <a:off x="7374397" y="13874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49" name="Freihandform 248">
              <a:extLst>
                <a:ext uri="{FF2B5EF4-FFF2-40B4-BE49-F238E27FC236}">
                  <a16:creationId xmlns:a16="http://schemas.microsoft.com/office/drawing/2014/main" id="{C7430E97-9CA9-C8CA-873A-9D20EA6B51AF}"/>
                </a:ext>
              </a:extLst>
            </p:cNvPr>
            <p:cNvSpPr/>
            <p:nvPr/>
          </p:nvSpPr>
          <p:spPr>
            <a:xfrm>
              <a:off x="7027685" y="1560909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0" name="Freihandform 249">
              <a:extLst>
                <a:ext uri="{FF2B5EF4-FFF2-40B4-BE49-F238E27FC236}">
                  <a16:creationId xmlns:a16="http://schemas.microsoft.com/office/drawing/2014/main" id="{A91CAF21-2428-BE60-9DB0-871E99BA7855}"/>
                </a:ext>
              </a:extLst>
            </p:cNvPr>
            <p:cNvSpPr/>
            <p:nvPr/>
          </p:nvSpPr>
          <p:spPr>
            <a:xfrm>
              <a:off x="7201041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1" name="Freihandform 250">
              <a:extLst>
                <a:ext uri="{FF2B5EF4-FFF2-40B4-BE49-F238E27FC236}">
                  <a16:creationId xmlns:a16="http://schemas.microsoft.com/office/drawing/2014/main" id="{08B0E328-4C39-31B1-0C88-416D9A819463}"/>
                </a:ext>
              </a:extLst>
            </p:cNvPr>
            <p:cNvSpPr/>
            <p:nvPr/>
          </p:nvSpPr>
          <p:spPr>
            <a:xfrm>
              <a:off x="7374397" y="156090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2" name="Freihandform 251">
              <a:extLst>
                <a:ext uri="{FF2B5EF4-FFF2-40B4-BE49-F238E27FC236}">
                  <a16:creationId xmlns:a16="http://schemas.microsoft.com/office/drawing/2014/main" id="{1A099B09-CCED-ACD1-C806-2D90FB573F17}"/>
                </a:ext>
              </a:extLst>
            </p:cNvPr>
            <p:cNvSpPr/>
            <p:nvPr/>
          </p:nvSpPr>
          <p:spPr>
            <a:xfrm>
              <a:off x="6161000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3" name="Freihandform 252">
              <a:extLst>
                <a:ext uri="{FF2B5EF4-FFF2-40B4-BE49-F238E27FC236}">
                  <a16:creationId xmlns:a16="http://schemas.microsoft.com/office/drawing/2014/main" id="{02595852-689F-E39C-F188-470FDE7E600B}"/>
                </a:ext>
              </a:extLst>
            </p:cNvPr>
            <p:cNvSpPr/>
            <p:nvPr/>
          </p:nvSpPr>
          <p:spPr>
            <a:xfrm>
              <a:off x="6334356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4" name="Freihandform 253">
              <a:extLst>
                <a:ext uri="{FF2B5EF4-FFF2-40B4-BE49-F238E27FC236}">
                  <a16:creationId xmlns:a16="http://schemas.microsoft.com/office/drawing/2014/main" id="{F2D2DA00-0112-4FC7-DB06-5B4F9E5F0F81}"/>
                </a:ext>
              </a:extLst>
            </p:cNvPr>
            <p:cNvSpPr/>
            <p:nvPr/>
          </p:nvSpPr>
          <p:spPr>
            <a:xfrm>
              <a:off x="6507665" y="1734359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5" name="Freihandform 254">
              <a:extLst>
                <a:ext uri="{FF2B5EF4-FFF2-40B4-BE49-F238E27FC236}">
                  <a16:creationId xmlns:a16="http://schemas.microsoft.com/office/drawing/2014/main" id="{CD8FFB0D-5875-378D-E5F9-9E8913E437D0}"/>
                </a:ext>
              </a:extLst>
            </p:cNvPr>
            <p:cNvSpPr/>
            <p:nvPr/>
          </p:nvSpPr>
          <p:spPr>
            <a:xfrm>
              <a:off x="6681021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6" name="Freihandform 255">
              <a:extLst>
                <a:ext uri="{FF2B5EF4-FFF2-40B4-BE49-F238E27FC236}">
                  <a16:creationId xmlns:a16="http://schemas.microsoft.com/office/drawing/2014/main" id="{647FA31A-915B-9E1A-6164-E85788E74114}"/>
                </a:ext>
              </a:extLst>
            </p:cNvPr>
            <p:cNvSpPr/>
            <p:nvPr/>
          </p:nvSpPr>
          <p:spPr>
            <a:xfrm>
              <a:off x="6854376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7" name="Freihandform 256">
              <a:extLst>
                <a:ext uri="{FF2B5EF4-FFF2-40B4-BE49-F238E27FC236}">
                  <a16:creationId xmlns:a16="http://schemas.microsoft.com/office/drawing/2014/main" id="{7EAF87E0-19C4-0BA7-CB98-0BCB837C15FA}"/>
                </a:ext>
              </a:extLst>
            </p:cNvPr>
            <p:cNvSpPr/>
            <p:nvPr/>
          </p:nvSpPr>
          <p:spPr>
            <a:xfrm>
              <a:off x="7027685" y="1734359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8" name="Freihandform 257">
              <a:extLst>
                <a:ext uri="{FF2B5EF4-FFF2-40B4-BE49-F238E27FC236}">
                  <a16:creationId xmlns:a16="http://schemas.microsoft.com/office/drawing/2014/main" id="{96F5B841-9533-2C61-50E7-BC848C38516E}"/>
                </a:ext>
              </a:extLst>
            </p:cNvPr>
            <p:cNvSpPr/>
            <p:nvPr/>
          </p:nvSpPr>
          <p:spPr>
            <a:xfrm>
              <a:off x="7201041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59" name="Freihandform 258">
              <a:extLst>
                <a:ext uri="{FF2B5EF4-FFF2-40B4-BE49-F238E27FC236}">
                  <a16:creationId xmlns:a16="http://schemas.microsoft.com/office/drawing/2014/main" id="{9F541133-9750-5DD9-00C6-1B598617C6C6}"/>
                </a:ext>
              </a:extLst>
            </p:cNvPr>
            <p:cNvSpPr/>
            <p:nvPr/>
          </p:nvSpPr>
          <p:spPr>
            <a:xfrm>
              <a:off x="7374397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0" name="Freihandform 259">
              <a:extLst>
                <a:ext uri="{FF2B5EF4-FFF2-40B4-BE49-F238E27FC236}">
                  <a16:creationId xmlns:a16="http://schemas.microsoft.com/office/drawing/2014/main" id="{A0C6BFBF-502B-4AD2-6DC2-61EED61BA5E7}"/>
                </a:ext>
              </a:extLst>
            </p:cNvPr>
            <p:cNvSpPr/>
            <p:nvPr/>
          </p:nvSpPr>
          <p:spPr>
            <a:xfrm>
              <a:off x="5987644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1" name="Freihandform 260">
              <a:extLst>
                <a:ext uri="{FF2B5EF4-FFF2-40B4-BE49-F238E27FC236}">
                  <a16:creationId xmlns:a16="http://schemas.microsoft.com/office/drawing/2014/main" id="{D928CF57-B056-EC24-5AED-E18A3B9BA4B4}"/>
                </a:ext>
              </a:extLst>
            </p:cNvPr>
            <p:cNvSpPr/>
            <p:nvPr/>
          </p:nvSpPr>
          <p:spPr>
            <a:xfrm>
              <a:off x="6161000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2" name="Freihandform 261">
              <a:extLst>
                <a:ext uri="{FF2B5EF4-FFF2-40B4-BE49-F238E27FC236}">
                  <a16:creationId xmlns:a16="http://schemas.microsoft.com/office/drawing/2014/main" id="{3BDFED02-CB6A-8A65-815F-824820E081CE}"/>
                </a:ext>
              </a:extLst>
            </p:cNvPr>
            <p:cNvSpPr/>
            <p:nvPr/>
          </p:nvSpPr>
          <p:spPr>
            <a:xfrm>
              <a:off x="6334356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3" name="Freihandform 262">
              <a:extLst>
                <a:ext uri="{FF2B5EF4-FFF2-40B4-BE49-F238E27FC236}">
                  <a16:creationId xmlns:a16="http://schemas.microsoft.com/office/drawing/2014/main" id="{18C6ED55-66F2-8513-5437-0DF861153F18}"/>
                </a:ext>
              </a:extLst>
            </p:cNvPr>
            <p:cNvSpPr/>
            <p:nvPr/>
          </p:nvSpPr>
          <p:spPr>
            <a:xfrm>
              <a:off x="6507665" y="1907762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4" name="Freihandform 263">
              <a:extLst>
                <a:ext uri="{FF2B5EF4-FFF2-40B4-BE49-F238E27FC236}">
                  <a16:creationId xmlns:a16="http://schemas.microsoft.com/office/drawing/2014/main" id="{F97E02BF-112B-03DA-F7A6-ADA88E565C9E}"/>
                </a:ext>
              </a:extLst>
            </p:cNvPr>
            <p:cNvSpPr/>
            <p:nvPr/>
          </p:nvSpPr>
          <p:spPr>
            <a:xfrm>
              <a:off x="6681021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5" name="Freihandform 264">
              <a:extLst>
                <a:ext uri="{FF2B5EF4-FFF2-40B4-BE49-F238E27FC236}">
                  <a16:creationId xmlns:a16="http://schemas.microsoft.com/office/drawing/2014/main" id="{32A35156-EE85-2724-8F09-797D954295C1}"/>
                </a:ext>
              </a:extLst>
            </p:cNvPr>
            <p:cNvSpPr/>
            <p:nvPr/>
          </p:nvSpPr>
          <p:spPr>
            <a:xfrm>
              <a:off x="6854376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6" name="Freihandform 265">
              <a:extLst>
                <a:ext uri="{FF2B5EF4-FFF2-40B4-BE49-F238E27FC236}">
                  <a16:creationId xmlns:a16="http://schemas.microsoft.com/office/drawing/2014/main" id="{CACF2B9E-D679-6868-42E1-22D50225FD4F}"/>
                </a:ext>
              </a:extLst>
            </p:cNvPr>
            <p:cNvSpPr/>
            <p:nvPr/>
          </p:nvSpPr>
          <p:spPr>
            <a:xfrm>
              <a:off x="7027685" y="1907762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7" name="Freihandform 266">
              <a:extLst>
                <a:ext uri="{FF2B5EF4-FFF2-40B4-BE49-F238E27FC236}">
                  <a16:creationId xmlns:a16="http://schemas.microsoft.com/office/drawing/2014/main" id="{8F1E51B4-1D50-B84B-5886-4CA9894D86C2}"/>
                </a:ext>
              </a:extLst>
            </p:cNvPr>
            <p:cNvSpPr/>
            <p:nvPr/>
          </p:nvSpPr>
          <p:spPr>
            <a:xfrm>
              <a:off x="7201041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8" name="Freihandform 267">
              <a:extLst>
                <a:ext uri="{FF2B5EF4-FFF2-40B4-BE49-F238E27FC236}">
                  <a16:creationId xmlns:a16="http://schemas.microsoft.com/office/drawing/2014/main" id="{61987FA6-1E82-ED9F-58D9-661A69DC8A99}"/>
                </a:ext>
              </a:extLst>
            </p:cNvPr>
            <p:cNvSpPr/>
            <p:nvPr/>
          </p:nvSpPr>
          <p:spPr>
            <a:xfrm>
              <a:off x="7374397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69" name="Freihandform 268">
              <a:extLst>
                <a:ext uri="{FF2B5EF4-FFF2-40B4-BE49-F238E27FC236}">
                  <a16:creationId xmlns:a16="http://schemas.microsoft.com/office/drawing/2014/main" id="{662BE6E1-C8BE-639E-2CFC-A582AE6C5C11}"/>
                </a:ext>
              </a:extLst>
            </p:cNvPr>
            <p:cNvSpPr/>
            <p:nvPr/>
          </p:nvSpPr>
          <p:spPr>
            <a:xfrm>
              <a:off x="6161000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0" name="Freihandform 269">
              <a:extLst>
                <a:ext uri="{FF2B5EF4-FFF2-40B4-BE49-F238E27FC236}">
                  <a16:creationId xmlns:a16="http://schemas.microsoft.com/office/drawing/2014/main" id="{72A84403-8769-ADFF-B20B-3FCD0F29D94B}"/>
                </a:ext>
              </a:extLst>
            </p:cNvPr>
            <p:cNvSpPr/>
            <p:nvPr/>
          </p:nvSpPr>
          <p:spPr>
            <a:xfrm>
              <a:off x="6334356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1" name="Freihandform 270">
              <a:extLst>
                <a:ext uri="{FF2B5EF4-FFF2-40B4-BE49-F238E27FC236}">
                  <a16:creationId xmlns:a16="http://schemas.microsoft.com/office/drawing/2014/main" id="{41664942-E339-6AE2-DA99-3F6647E0C68C}"/>
                </a:ext>
              </a:extLst>
            </p:cNvPr>
            <p:cNvSpPr/>
            <p:nvPr/>
          </p:nvSpPr>
          <p:spPr>
            <a:xfrm>
              <a:off x="6507665" y="2081212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2" name="Freihandform 271">
              <a:extLst>
                <a:ext uri="{FF2B5EF4-FFF2-40B4-BE49-F238E27FC236}">
                  <a16:creationId xmlns:a16="http://schemas.microsoft.com/office/drawing/2014/main" id="{F91DB4AF-4F3E-6D24-59A0-C2F0419239E4}"/>
                </a:ext>
              </a:extLst>
            </p:cNvPr>
            <p:cNvSpPr/>
            <p:nvPr/>
          </p:nvSpPr>
          <p:spPr>
            <a:xfrm>
              <a:off x="6681021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3" name="Freihandform 272">
              <a:extLst>
                <a:ext uri="{FF2B5EF4-FFF2-40B4-BE49-F238E27FC236}">
                  <a16:creationId xmlns:a16="http://schemas.microsoft.com/office/drawing/2014/main" id="{CED574F5-3474-5F28-9030-98AAB81F01AA}"/>
                </a:ext>
              </a:extLst>
            </p:cNvPr>
            <p:cNvSpPr/>
            <p:nvPr/>
          </p:nvSpPr>
          <p:spPr>
            <a:xfrm>
              <a:off x="6854376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4" name="Freihandform 273">
              <a:extLst>
                <a:ext uri="{FF2B5EF4-FFF2-40B4-BE49-F238E27FC236}">
                  <a16:creationId xmlns:a16="http://schemas.microsoft.com/office/drawing/2014/main" id="{4EA83664-72C6-AF8D-58F1-579F0AEA124C}"/>
                </a:ext>
              </a:extLst>
            </p:cNvPr>
            <p:cNvSpPr/>
            <p:nvPr/>
          </p:nvSpPr>
          <p:spPr>
            <a:xfrm>
              <a:off x="7027685" y="2081212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5" name="Freihandform 274">
              <a:extLst>
                <a:ext uri="{FF2B5EF4-FFF2-40B4-BE49-F238E27FC236}">
                  <a16:creationId xmlns:a16="http://schemas.microsoft.com/office/drawing/2014/main" id="{364E8EEF-87F6-ADBB-BD58-9418D36F26E6}"/>
                </a:ext>
              </a:extLst>
            </p:cNvPr>
            <p:cNvSpPr/>
            <p:nvPr/>
          </p:nvSpPr>
          <p:spPr>
            <a:xfrm>
              <a:off x="7201041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6" name="Freihandform 275">
              <a:extLst>
                <a:ext uri="{FF2B5EF4-FFF2-40B4-BE49-F238E27FC236}">
                  <a16:creationId xmlns:a16="http://schemas.microsoft.com/office/drawing/2014/main" id="{2935605F-018D-B740-EBDA-C156C4F467D1}"/>
                </a:ext>
              </a:extLst>
            </p:cNvPr>
            <p:cNvSpPr/>
            <p:nvPr/>
          </p:nvSpPr>
          <p:spPr>
            <a:xfrm>
              <a:off x="7374397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7" name="Freihandform 276">
              <a:extLst>
                <a:ext uri="{FF2B5EF4-FFF2-40B4-BE49-F238E27FC236}">
                  <a16:creationId xmlns:a16="http://schemas.microsoft.com/office/drawing/2014/main" id="{7478449C-E3E6-A06D-C476-46BC31D31EFF}"/>
                </a:ext>
              </a:extLst>
            </p:cNvPr>
            <p:cNvSpPr/>
            <p:nvPr/>
          </p:nvSpPr>
          <p:spPr>
            <a:xfrm>
              <a:off x="6681021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8" name="Freihandform 277">
              <a:extLst>
                <a:ext uri="{FF2B5EF4-FFF2-40B4-BE49-F238E27FC236}">
                  <a16:creationId xmlns:a16="http://schemas.microsoft.com/office/drawing/2014/main" id="{A5033180-F215-AAF4-FB36-D40AD7BB56BB}"/>
                </a:ext>
              </a:extLst>
            </p:cNvPr>
            <p:cNvSpPr/>
            <p:nvPr/>
          </p:nvSpPr>
          <p:spPr>
            <a:xfrm>
              <a:off x="6854376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79" name="Freihandform 278">
              <a:extLst>
                <a:ext uri="{FF2B5EF4-FFF2-40B4-BE49-F238E27FC236}">
                  <a16:creationId xmlns:a16="http://schemas.microsoft.com/office/drawing/2014/main" id="{4F8CDA15-7241-0DEF-B229-483BDFBD51BA}"/>
                </a:ext>
              </a:extLst>
            </p:cNvPr>
            <p:cNvSpPr/>
            <p:nvPr/>
          </p:nvSpPr>
          <p:spPr>
            <a:xfrm>
              <a:off x="5640980" y="1734359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0" name="Freihandform 279">
              <a:extLst>
                <a:ext uri="{FF2B5EF4-FFF2-40B4-BE49-F238E27FC236}">
                  <a16:creationId xmlns:a16="http://schemas.microsoft.com/office/drawing/2014/main" id="{481176D9-6044-3152-417A-5170C8DD820A}"/>
                </a:ext>
              </a:extLst>
            </p:cNvPr>
            <p:cNvSpPr/>
            <p:nvPr/>
          </p:nvSpPr>
          <p:spPr>
            <a:xfrm>
              <a:off x="5640980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1" name="Freihandform 280">
              <a:extLst>
                <a:ext uri="{FF2B5EF4-FFF2-40B4-BE49-F238E27FC236}">
                  <a16:creationId xmlns:a16="http://schemas.microsoft.com/office/drawing/2014/main" id="{038BEF82-FDCF-3D12-F75E-B3493C7C8140}"/>
                </a:ext>
              </a:extLst>
            </p:cNvPr>
            <p:cNvSpPr/>
            <p:nvPr/>
          </p:nvSpPr>
          <p:spPr>
            <a:xfrm>
              <a:off x="5814336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2" name="Freihandform 281">
              <a:extLst>
                <a:ext uri="{FF2B5EF4-FFF2-40B4-BE49-F238E27FC236}">
                  <a16:creationId xmlns:a16="http://schemas.microsoft.com/office/drawing/2014/main" id="{8E27F27F-9804-BF52-570A-4224EBF8314F}"/>
                </a:ext>
              </a:extLst>
            </p:cNvPr>
            <p:cNvSpPr/>
            <p:nvPr/>
          </p:nvSpPr>
          <p:spPr>
            <a:xfrm>
              <a:off x="5640980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3" name="Freihandform 282">
              <a:extLst>
                <a:ext uri="{FF2B5EF4-FFF2-40B4-BE49-F238E27FC236}">
                  <a16:creationId xmlns:a16="http://schemas.microsoft.com/office/drawing/2014/main" id="{18D899DB-C37D-7439-8E41-6B6B0DC44469}"/>
                </a:ext>
              </a:extLst>
            </p:cNvPr>
            <p:cNvSpPr/>
            <p:nvPr/>
          </p:nvSpPr>
          <p:spPr>
            <a:xfrm>
              <a:off x="5814336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4" name="Freihandform 283">
              <a:extLst>
                <a:ext uri="{FF2B5EF4-FFF2-40B4-BE49-F238E27FC236}">
                  <a16:creationId xmlns:a16="http://schemas.microsoft.com/office/drawing/2014/main" id="{3431AD67-7D57-DADB-445A-A5871E241E37}"/>
                </a:ext>
              </a:extLst>
            </p:cNvPr>
            <p:cNvSpPr/>
            <p:nvPr/>
          </p:nvSpPr>
          <p:spPr>
            <a:xfrm>
              <a:off x="2520859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5" name="Freihandform 284">
              <a:extLst>
                <a:ext uri="{FF2B5EF4-FFF2-40B4-BE49-F238E27FC236}">
                  <a16:creationId xmlns:a16="http://schemas.microsoft.com/office/drawing/2014/main" id="{B54B4E38-D340-2A2C-9EA8-30592B054F2E}"/>
                </a:ext>
              </a:extLst>
            </p:cNvPr>
            <p:cNvSpPr/>
            <p:nvPr/>
          </p:nvSpPr>
          <p:spPr>
            <a:xfrm>
              <a:off x="2694215" y="19077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6" name="Freihandform 285">
              <a:extLst>
                <a:ext uri="{FF2B5EF4-FFF2-40B4-BE49-F238E27FC236}">
                  <a16:creationId xmlns:a16="http://schemas.microsoft.com/office/drawing/2014/main" id="{5C001398-F6BA-A18F-CE57-B8260C38A3AF}"/>
                </a:ext>
              </a:extLst>
            </p:cNvPr>
            <p:cNvSpPr/>
            <p:nvPr/>
          </p:nvSpPr>
          <p:spPr>
            <a:xfrm>
              <a:off x="2174195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7" name="Freihandform 286">
              <a:extLst>
                <a:ext uri="{FF2B5EF4-FFF2-40B4-BE49-F238E27FC236}">
                  <a16:creationId xmlns:a16="http://schemas.microsoft.com/office/drawing/2014/main" id="{8508B20D-EFA4-55A0-44F7-D6C1E19AB548}"/>
                </a:ext>
              </a:extLst>
            </p:cNvPr>
            <p:cNvSpPr/>
            <p:nvPr/>
          </p:nvSpPr>
          <p:spPr>
            <a:xfrm>
              <a:off x="2347551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8" name="Freihandform 287">
              <a:extLst>
                <a:ext uri="{FF2B5EF4-FFF2-40B4-BE49-F238E27FC236}">
                  <a16:creationId xmlns:a16="http://schemas.microsoft.com/office/drawing/2014/main" id="{B6473481-69C8-435B-369C-6CDC8A9C682A}"/>
                </a:ext>
              </a:extLst>
            </p:cNvPr>
            <p:cNvSpPr/>
            <p:nvPr/>
          </p:nvSpPr>
          <p:spPr>
            <a:xfrm>
              <a:off x="2520859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89" name="Freihandform 288">
              <a:extLst>
                <a:ext uri="{FF2B5EF4-FFF2-40B4-BE49-F238E27FC236}">
                  <a16:creationId xmlns:a16="http://schemas.microsoft.com/office/drawing/2014/main" id="{261EDF17-F492-0687-C947-75C9F6E7A96A}"/>
                </a:ext>
              </a:extLst>
            </p:cNvPr>
            <p:cNvSpPr/>
            <p:nvPr/>
          </p:nvSpPr>
          <p:spPr>
            <a:xfrm>
              <a:off x="2694215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0" name="Freihandform 289">
              <a:extLst>
                <a:ext uri="{FF2B5EF4-FFF2-40B4-BE49-F238E27FC236}">
                  <a16:creationId xmlns:a16="http://schemas.microsoft.com/office/drawing/2014/main" id="{F3A5FAF5-24E9-69AD-A751-0BE15C666E43}"/>
                </a:ext>
              </a:extLst>
            </p:cNvPr>
            <p:cNvSpPr/>
            <p:nvPr/>
          </p:nvSpPr>
          <p:spPr>
            <a:xfrm>
              <a:off x="2867571" y="208121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1" name="Freihandform 290">
              <a:extLst>
                <a:ext uri="{FF2B5EF4-FFF2-40B4-BE49-F238E27FC236}">
                  <a16:creationId xmlns:a16="http://schemas.microsoft.com/office/drawing/2014/main" id="{200F82C4-81D6-FA86-BE36-A5A70A62C0BE}"/>
                </a:ext>
              </a:extLst>
            </p:cNvPr>
            <p:cNvSpPr/>
            <p:nvPr/>
          </p:nvSpPr>
          <p:spPr>
            <a:xfrm>
              <a:off x="1827530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2" name="Freihandform 291">
              <a:extLst>
                <a:ext uri="{FF2B5EF4-FFF2-40B4-BE49-F238E27FC236}">
                  <a16:creationId xmlns:a16="http://schemas.microsoft.com/office/drawing/2014/main" id="{D0458C0B-951B-3655-96BF-92B4FD6F9174}"/>
                </a:ext>
              </a:extLst>
            </p:cNvPr>
            <p:cNvSpPr/>
            <p:nvPr/>
          </p:nvSpPr>
          <p:spPr>
            <a:xfrm>
              <a:off x="2000839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3" name="Freihandform 292">
              <a:extLst>
                <a:ext uri="{FF2B5EF4-FFF2-40B4-BE49-F238E27FC236}">
                  <a16:creationId xmlns:a16="http://schemas.microsoft.com/office/drawing/2014/main" id="{9BF0576C-ED08-3889-2D29-848CF4424457}"/>
                </a:ext>
              </a:extLst>
            </p:cNvPr>
            <p:cNvSpPr/>
            <p:nvPr/>
          </p:nvSpPr>
          <p:spPr>
            <a:xfrm>
              <a:off x="2174195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4" name="Freihandform 293">
              <a:extLst>
                <a:ext uri="{FF2B5EF4-FFF2-40B4-BE49-F238E27FC236}">
                  <a16:creationId xmlns:a16="http://schemas.microsoft.com/office/drawing/2014/main" id="{ECA44C7C-8367-EE87-A656-5EAD39BDF70E}"/>
                </a:ext>
              </a:extLst>
            </p:cNvPr>
            <p:cNvSpPr/>
            <p:nvPr/>
          </p:nvSpPr>
          <p:spPr>
            <a:xfrm>
              <a:off x="2347551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5" name="Freihandform 294">
              <a:extLst>
                <a:ext uri="{FF2B5EF4-FFF2-40B4-BE49-F238E27FC236}">
                  <a16:creationId xmlns:a16="http://schemas.microsoft.com/office/drawing/2014/main" id="{D22D9E32-8AD6-FA5C-A51C-D0E8467C7279}"/>
                </a:ext>
              </a:extLst>
            </p:cNvPr>
            <p:cNvSpPr/>
            <p:nvPr/>
          </p:nvSpPr>
          <p:spPr>
            <a:xfrm>
              <a:off x="2520859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6" name="Freihandform 295">
              <a:extLst>
                <a:ext uri="{FF2B5EF4-FFF2-40B4-BE49-F238E27FC236}">
                  <a16:creationId xmlns:a16="http://schemas.microsoft.com/office/drawing/2014/main" id="{88FEF59E-7C80-99DE-05E1-CEFE36D54B13}"/>
                </a:ext>
              </a:extLst>
            </p:cNvPr>
            <p:cNvSpPr/>
            <p:nvPr/>
          </p:nvSpPr>
          <p:spPr>
            <a:xfrm>
              <a:off x="2694215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7" name="Freihandform 296">
              <a:extLst>
                <a:ext uri="{FF2B5EF4-FFF2-40B4-BE49-F238E27FC236}">
                  <a16:creationId xmlns:a16="http://schemas.microsoft.com/office/drawing/2014/main" id="{A180EFF3-C897-0657-AD57-1C5D7372947B}"/>
                </a:ext>
              </a:extLst>
            </p:cNvPr>
            <p:cNvSpPr/>
            <p:nvPr/>
          </p:nvSpPr>
          <p:spPr>
            <a:xfrm>
              <a:off x="2867571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8" name="Freihandform 297">
              <a:extLst>
                <a:ext uri="{FF2B5EF4-FFF2-40B4-BE49-F238E27FC236}">
                  <a16:creationId xmlns:a16="http://schemas.microsoft.com/office/drawing/2014/main" id="{5106D961-1A58-66D3-D6C2-EBB57E5A7D3E}"/>
                </a:ext>
              </a:extLst>
            </p:cNvPr>
            <p:cNvSpPr/>
            <p:nvPr/>
          </p:nvSpPr>
          <p:spPr>
            <a:xfrm>
              <a:off x="3040879" y="2254662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299" name="Freihandform 298">
              <a:extLst>
                <a:ext uri="{FF2B5EF4-FFF2-40B4-BE49-F238E27FC236}">
                  <a16:creationId xmlns:a16="http://schemas.microsoft.com/office/drawing/2014/main" id="{B8FE1207-4FD5-7E26-ADF8-949F506CBDE2}"/>
                </a:ext>
              </a:extLst>
            </p:cNvPr>
            <p:cNvSpPr/>
            <p:nvPr/>
          </p:nvSpPr>
          <p:spPr>
            <a:xfrm>
              <a:off x="1654175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0" name="Freihandform 299">
              <a:extLst>
                <a:ext uri="{FF2B5EF4-FFF2-40B4-BE49-F238E27FC236}">
                  <a16:creationId xmlns:a16="http://schemas.microsoft.com/office/drawing/2014/main" id="{CA2C0265-E37A-B0BF-49DE-3950D1476731}"/>
                </a:ext>
              </a:extLst>
            </p:cNvPr>
            <p:cNvSpPr/>
            <p:nvPr/>
          </p:nvSpPr>
          <p:spPr>
            <a:xfrm>
              <a:off x="1827530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1" name="Freihandform 300">
              <a:extLst>
                <a:ext uri="{FF2B5EF4-FFF2-40B4-BE49-F238E27FC236}">
                  <a16:creationId xmlns:a16="http://schemas.microsoft.com/office/drawing/2014/main" id="{064D8F0D-8581-EB54-159E-BBD34A19C241}"/>
                </a:ext>
              </a:extLst>
            </p:cNvPr>
            <p:cNvSpPr/>
            <p:nvPr/>
          </p:nvSpPr>
          <p:spPr>
            <a:xfrm>
              <a:off x="2000839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2" name="Freihandform 301">
              <a:extLst>
                <a:ext uri="{FF2B5EF4-FFF2-40B4-BE49-F238E27FC236}">
                  <a16:creationId xmlns:a16="http://schemas.microsoft.com/office/drawing/2014/main" id="{38177F4F-BA76-17B4-C463-BDDA4DA55942}"/>
                </a:ext>
              </a:extLst>
            </p:cNvPr>
            <p:cNvSpPr/>
            <p:nvPr/>
          </p:nvSpPr>
          <p:spPr>
            <a:xfrm>
              <a:off x="2174195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3" name="Freihandform 302">
              <a:extLst>
                <a:ext uri="{FF2B5EF4-FFF2-40B4-BE49-F238E27FC236}">
                  <a16:creationId xmlns:a16="http://schemas.microsoft.com/office/drawing/2014/main" id="{3F61A18D-DF81-5DD1-AA25-EFEFC836B061}"/>
                </a:ext>
              </a:extLst>
            </p:cNvPr>
            <p:cNvSpPr/>
            <p:nvPr/>
          </p:nvSpPr>
          <p:spPr>
            <a:xfrm>
              <a:off x="2347551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4" name="Freihandform 303">
              <a:extLst>
                <a:ext uri="{FF2B5EF4-FFF2-40B4-BE49-F238E27FC236}">
                  <a16:creationId xmlns:a16="http://schemas.microsoft.com/office/drawing/2014/main" id="{0D7B334E-E9AF-2624-4281-5A499F08D281}"/>
                </a:ext>
              </a:extLst>
            </p:cNvPr>
            <p:cNvSpPr/>
            <p:nvPr/>
          </p:nvSpPr>
          <p:spPr>
            <a:xfrm>
              <a:off x="2520859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5" name="Freihandform 304">
              <a:extLst>
                <a:ext uri="{FF2B5EF4-FFF2-40B4-BE49-F238E27FC236}">
                  <a16:creationId xmlns:a16="http://schemas.microsoft.com/office/drawing/2014/main" id="{7F684DFC-DE1A-D709-7C8C-CF99B3090B87}"/>
                </a:ext>
              </a:extLst>
            </p:cNvPr>
            <p:cNvSpPr/>
            <p:nvPr/>
          </p:nvSpPr>
          <p:spPr>
            <a:xfrm>
              <a:off x="2694215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6" name="Freihandform 305">
              <a:extLst>
                <a:ext uri="{FF2B5EF4-FFF2-40B4-BE49-F238E27FC236}">
                  <a16:creationId xmlns:a16="http://schemas.microsoft.com/office/drawing/2014/main" id="{43001282-63EF-652A-52E7-DFE645FD2476}"/>
                </a:ext>
              </a:extLst>
            </p:cNvPr>
            <p:cNvSpPr/>
            <p:nvPr/>
          </p:nvSpPr>
          <p:spPr>
            <a:xfrm>
              <a:off x="2867571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7" name="Freihandform 306">
              <a:extLst>
                <a:ext uri="{FF2B5EF4-FFF2-40B4-BE49-F238E27FC236}">
                  <a16:creationId xmlns:a16="http://schemas.microsoft.com/office/drawing/2014/main" id="{FF89EFFE-D2BC-F210-6532-D4CD192D527D}"/>
                </a:ext>
              </a:extLst>
            </p:cNvPr>
            <p:cNvSpPr/>
            <p:nvPr/>
          </p:nvSpPr>
          <p:spPr>
            <a:xfrm>
              <a:off x="3040879" y="242806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8" name="Freihandform 307">
              <a:extLst>
                <a:ext uri="{FF2B5EF4-FFF2-40B4-BE49-F238E27FC236}">
                  <a16:creationId xmlns:a16="http://schemas.microsoft.com/office/drawing/2014/main" id="{2F90CD88-2506-75AB-6D83-68902812276F}"/>
                </a:ext>
              </a:extLst>
            </p:cNvPr>
            <p:cNvSpPr/>
            <p:nvPr/>
          </p:nvSpPr>
          <p:spPr>
            <a:xfrm>
              <a:off x="1654175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09" name="Freihandform 308">
              <a:extLst>
                <a:ext uri="{FF2B5EF4-FFF2-40B4-BE49-F238E27FC236}">
                  <a16:creationId xmlns:a16="http://schemas.microsoft.com/office/drawing/2014/main" id="{C34BE099-EAC3-C737-3DF9-277D19FFC25D}"/>
                </a:ext>
              </a:extLst>
            </p:cNvPr>
            <p:cNvSpPr/>
            <p:nvPr/>
          </p:nvSpPr>
          <p:spPr>
            <a:xfrm>
              <a:off x="1827530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0" name="Freihandform 309">
              <a:extLst>
                <a:ext uri="{FF2B5EF4-FFF2-40B4-BE49-F238E27FC236}">
                  <a16:creationId xmlns:a16="http://schemas.microsoft.com/office/drawing/2014/main" id="{B170A37C-23C8-A3A9-726F-A08ABBDDA5AA}"/>
                </a:ext>
              </a:extLst>
            </p:cNvPr>
            <p:cNvSpPr/>
            <p:nvPr/>
          </p:nvSpPr>
          <p:spPr>
            <a:xfrm>
              <a:off x="2000839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1" name="Freihandform 310">
              <a:extLst>
                <a:ext uri="{FF2B5EF4-FFF2-40B4-BE49-F238E27FC236}">
                  <a16:creationId xmlns:a16="http://schemas.microsoft.com/office/drawing/2014/main" id="{0E3A6D26-B478-7160-BE89-687716E32FF6}"/>
                </a:ext>
              </a:extLst>
            </p:cNvPr>
            <p:cNvSpPr/>
            <p:nvPr/>
          </p:nvSpPr>
          <p:spPr>
            <a:xfrm>
              <a:off x="2174195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2" name="Freihandform 311">
              <a:extLst>
                <a:ext uri="{FF2B5EF4-FFF2-40B4-BE49-F238E27FC236}">
                  <a16:creationId xmlns:a16="http://schemas.microsoft.com/office/drawing/2014/main" id="{75D81AA4-BD38-A9F2-7222-AB19A436C164}"/>
                </a:ext>
              </a:extLst>
            </p:cNvPr>
            <p:cNvSpPr/>
            <p:nvPr/>
          </p:nvSpPr>
          <p:spPr>
            <a:xfrm>
              <a:off x="2347551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3" name="Freihandform 312">
              <a:extLst>
                <a:ext uri="{FF2B5EF4-FFF2-40B4-BE49-F238E27FC236}">
                  <a16:creationId xmlns:a16="http://schemas.microsoft.com/office/drawing/2014/main" id="{57F17276-603A-3316-46AD-7619463094C3}"/>
                </a:ext>
              </a:extLst>
            </p:cNvPr>
            <p:cNvSpPr/>
            <p:nvPr/>
          </p:nvSpPr>
          <p:spPr>
            <a:xfrm>
              <a:off x="2520859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4" name="Freihandform 313">
              <a:extLst>
                <a:ext uri="{FF2B5EF4-FFF2-40B4-BE49-F238E27FC236}">
                  <a16:creationId xmlns:a16="http://schemas.microsoft.com/office/drawing/2014/main" id="{C67BAEE4-EACA-B2A1-AEA2-760A15B1F43F}"/>
                </a:ext>
              </a:extLst>
            </p:cNvPr>
            <p:cNvSpPr/>
            <p:nvPr/>
          </p:nvSpPr>
          <p:spPr>
            <a:xfrm>
              <a:off x="2694215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5" name="Freihandform 314">
              <a:extLst>
                <a:ext uri="{FF2B5EF4-FFF2-40B4-BE49-F238E27FC236}">
                  <a16:creationId xmlns:a16="http://schemas.microsoft.com/office/drawing/2014/main" id="{4A11E1B3-A486-AFE9-4C77-6157A815B508}"/>
                </a:ext>
              </a:extLst>
            </p:cNvPr>
            <p:cNvSpPr/>
            <p:nvPr/>
          </p:nvSpPr>
          <p:spPr>
            <a:xfrm>
              <a:off x="2867571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6" name="Freihandform 315">
              <a:extLst>
                <a:ext uri="{FF2B5EF4-FFF2-40B4-BE49-F238E27FC236}">
                  <a16:creationId xmlns:a16="http://schemas.microsoft.com/office/drawing/2014/main" id="{5974A0B7-6499-DF82-4B10-19A1801679D2}"/>
                </a:ext>
              </a:extLst>
            </p:cNvPr>
            <p:cNvSpPr/>
            <p:nvPr/>
          </p:nvSpPr>
          <p:spPr>
            <a:xfrm>
              <a:off x="3040879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7" name="Freihandform 316">
              <a:extLst>
                <a:ext uri="{FF2B5EF4-FFF2-40B4-BE49-F238E27FC236}">
                  <a16:creationId xmlns:a16="http://schemas.microsoft.com/office/drawing/2014/main" id="{A7292EAA-F931-70C7-916E-4D3FE5E102A3}"/>
                </a:ext>
              </a:extLst>
            </p:cNvPr>
            <p:cNvSpPr/>
            <p:nvPr/>
          </p:nvSpPr>
          <p:spPr>
            <a:xfrm>
              <a:off x="1654175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8" name="Freihandform 317">
              <a:extLst>
                <a:ext uri="{FF2B5EF4-FFF2-40B4-BE49-F238E27FC236}">
                  <a16:creationId xmlns:a16="http://schemas.microsoft.com/office/drawing/2014/main" id="{2278ED0B-2C93-BF7E-9AEE-459AFCFF5311}"/>
                </a:ext>
              </a:extLst>
            </p:cNvPr>
            <p:cNvSpPr/>
            <p:nvPr/>
          </p:nvSpPr>
          <p:spPr>
            <a:xfrm>
              <a:off x="1827530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19" name="Freihandform 318">
              <a:extLst>
                <a:ext uri="{FF2B5EF4-FFF2-40B4-BE49-F238E27FC236}">
                  <a16:creationId xmlns:a16="http://schemas.microsoft.com/office/drawing/2014/main" id="{53AE6BFD-233C-AAE6-94F8-7C69A7CAD360}"/>
                </a:ext>
              </a:extLst>
            </p:cNvPr>
            <p:cNvSpPr/>
            <p:nvPr/>
          </p:nvSpPr>
          <p:spPr>
            <a:xfrm>
              <a:off x="2000839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0" name="Freihandform 319">
              <a:extLst>
                <a:ext uri="{FF2B5EF4-FFF2-40B4-BE49-F238E27FC236}">
                  <a16:creationId xmlns:a16="http://schemas.microsoft.com/office/drawing/2014/main" id="{A0D1FE32-A082-66AE-2563-E97FD3287EBB}"/>
                </a:ext>
              </a:extLst>
            </p:cNvPr>
            <p:cNvSpPr/>
            <p:nvPr/>
          </p:nvSpPr>
          <p:spPr>
            <a:xfrm>
              <a:off x="2174195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1" name="Freihandform 320">
              <a:extLst>
                <a:ext uri="{FF2B5EF4-FFF2-40B4-BE49-F238E27FC236}">
                  <a16:creationId xmlns:a16="http://schemas.microsoft.com/office/drawing/2014/main" id="{B919DE1B-794E-17E4-2E32-4F2D7A2CFABB}"/>
                </a:ext>
              </a:extLst>
            </p:cNvPr>
            <p:cNvSpPr/>
            <p:nvPr/>
          </p:nvSpPr>
          <p:spPr>
            <a:xfrm>
              <a:off x="2347551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2" name="Freihandform 321">
              <a:extLst>
                <a:ext uri="{FF2B5EF4-FFF2-40B4-BE49-F238E27FC236}">
                  <a16:creationId xmlns:a16="http://schemas.microsoft.com/office/drawing/2014/main" id="{67B8F83B-8E9E-41C6-36CA-8FA736DC9A90}"/>
                </a:ext>
              </a:extLst>
            </p:cNvPr>
            <p:cNvSpPr/>
            <p:nvPr/>
          </p:nvSpPr>
          <p:spPr>
            <a:xfrm>
              <a:off x="2520859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3" name="Freihandform 322">
              <a:extLst>
                <a:ext uri="{FF2B5EF4-FFF2-40B4-BE49-F238E27FC236}">
                  <a16:creationId xmlns:a16="http://schemas.microsoft.com/office/drawing/2014/main" id="{DDDA1B24-5E51-B2C2-4049-37FC3A777EDB}"/>
                </a:ext>
              </a:extLst>
            </p:cNvPr>
            <p:cNvSpPr/>
            <p:nvPr/>
          </p:nvSpPr>
          <p:spPr>
            <a:xfrm>
              <a:off x="2694215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4" name="Freihandform 323">
              <a:extLst>
                <a:ext uri="{FF2B5EF4-FFF2-40B4-BE49-F238E27FC236}">
                  <a16:creationId xmlns:a16="http://schemas.microsoft.com/office/drawing/2014/main" id="{CE54A6BF-CCDF-A82A-A49D-33691BC4025D}"/>
                </a:ext>
              </a:extLst>
            </p:cNvPr>
            <p:cNvSpPr/>
            <p:nvPr/>
          </p:nvSpPr>
          <p:spPr>
            <a:xfrm>
              <a:off x="2867571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5" name="Freihandform 324">
              <a:extLst>
                <a:ext uri="{FF2B5EF4-FFF2-40B4-BE49-F238E27FC236}">
                  <a16:creationId xmlns:a16="http://schemas.microsoft.com/office/drawing/2014/main" id="{AB2C3870-AEAE-CC92-122B-3FC57BE5E217}"/>
                </a:ext>
              </a:extLst>
            </p:cNvPr>
            <p:cNvSpPr/>
            <p:nvPr/>
          </p:nvSpPr>
          <p:spPr>
            <a:xfrm>
              <a:off x="3040879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6" name="Freihandform 325">
              <a:extLst>
                <a:ext uri="{FF2B5EF4-FFF2-40B4-BE49-F238E27FC236}">
                  <a16:creationId xmlns:a16="http://schemas.microsoft.com/office/drawing/2014/main" id="{5D4216F0-E8FA-1A7A-7C92-45070BAB8AA1}"/>
                </a:ext>
              </a:extLst>
            </p:cNvPr>
            <p:cNvSpPr/>
            <p:nvPr/>
          </p:nvSpPr>
          <p:spPr>
            <a:xfrm>
              <a:off x="1827530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7" name="Freihandform 326">
              <a:extLst>
                <a:ext uri="{FF2B5EF4-FFF2-40B4-BE49-F238E27FC236}">
                  <a16:creationId xmlns:a16="http://schemas.microsoft.com/office/drawing/2014/main" id="{A6288B9A-3575-D68F-9FA2-F59C364F7FEE}"/>
                </a:ext>
              </a:extLst>
            </p:cNvPr>
            <p:cNvSpPr/>
            <p:nvPr/>
          </p:nvSpPr>
          <p:spPr>
            <a:xfrm>
              <a:off x="2000839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8" name="Freihandform 327">
              <a:extLst>
                <a:ext uri="{FF2B5EF4-FFF2-40B4-BE49-F238E27FC236}">
                  <a16:creationId xmlns:a16="http://schemas.microsoft.com/office/drawing/2014/main" id="{0C9DE0A4-5236-E88A-6846-0E2AA99D55DD}"/>
                </a:ext>
              </a:extLst>
            </p:cNvPr>
            <p:cNvSpPr/>
            <p:nvPr/>
          </p:nvSpPr>
          <p:spPr>
            <a:xfrm>
              <a:off x="2520859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29" name="Freihandform 328">
              <a:extLst>
                <a:ext uri="{FF2B5EF4-FFF2-40B4-BE49-F238E27FC236}">
                  <a16:creationId xmlns:a16="http://schemas.microsoft.com/office/drawing/2014/main" id="{70FCEA13-EA32-A8BC-3178-A3F34D074A45}"/>
                </a:ext>
              </a:extLst>
            </p:cNvPr>
            <p:cNvSpPr/>
            <p:nvPr/>
          </p:nvSpPr>
          <p:spPr>
            <a:xfrm>
              <a:off x="2694215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0" name="Freihandform 329">
              <a:extLst>
                <a:ext uri="{FF2B5EF4-FFF2-40B4-BE49-F238E27FC236}">
                  <a16:creationId xmlns:a16="http://schemas.microsoft.com/office/drawing/2014/main" id="{CB4DA7D5-91D7-65AA-012D-30C4CAE7890B}"/>
                </a:ext>
              </a:extLst>
            </p:cNvPr>
            <p:cNvSpPr/>
            <p:nvPr/>
          </p:nvSpPr>
          <p:spPr>
            <a:xfrm>
              <a:off x="2867571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1" name="Freihandform 330">
              <a:extLst>
                <a:ext uri="{FF2B5EF4-FFF2-40B4-BE49-F238E27FC236}">
                  <a16:creationId xmlns:a16="http://schemas.microsoft.com/office/drawing/2014/main" id="{A518300A-0D9F-DCB5-3A36-0C24E5592CFE}"/>
                </a:ext>
              </a:extLst>
            </p:cNvPr>
            <p:cNvSpPr/>
            <p:nvPr/>
          </p:nvSpPr>
          <p:spPr>
            <a:xfrm>
              <a:off x="2694215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2" name="Freihandform 331">
              <a:extLst>
                <a:ext uri="{FF2B5EF4-FFF2-40B4-BE49-F238E27FC236}">
                  <a16:creationId xmlns:a16="http://schemas.microsoft.com/office/drawing/2014/main" id="{1C270C3E-0B70-1803-8211-7C2DEAAC4508}"/>
                </a:ext>
              </a:extLst>
            </p:cNvPr>
            <p:cNvSpPr/>
            <p:nvPr/>
          </p:nvSpPr>
          <p:spPr>
            <a:xfrm>
              <a:off x="3560899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3" name="Freihandform 332">
              <a:extLst>
                <a:ext uri="{FF2B5EF4-FFF2-40B4-BE49-F238E27FC236}">
                  <a16:creationId xmlns:a16="http://schemas.microsoft.com/office/drawing/2014/main" id="{0E279DF2-0BAE-8C35-4837-EA7D5ABBB583}"/>
                </a:ext>
              </a:extLst>
            </p:cNvPr>
            <p:cNvSpPr/>
            <p:nvPr/>
          </p:nvSpPr>
          <p:spPr>
            <a:xfrm>
              <a:off x="3734255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4" name="Freihandform 333">
              <a:extLst>
                <a:ext uri="{FF2B5EF4-FFF2-40B4-BE49-F238E27FC236}">
                  <a16:creationId xmlns:a16="http://schemas.microsoft.com/office/drawing/2014/main" id="{02B6C4E6-C00B-9AA6-ACB3-CF6EE36D9E41}"/>
                </a:ext>
              </a:extLst>
            </p:cNvPr>
            <p:cNvSpPr/>
            <p:nvPr/>
          </p:nvSpPr>
          <p:spPr>
            <a:xfrm>
              <a:off x="3907611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5" name="Freihandform 334">
              <a:extLst>
                <a:ext uri="{FF2B5EF4-FFF2-40B4-BE49-F238E27FC236}">
                  <a16:creationId xmlns:a16="http://schemas.microsoft.com/office/drawing/2014/main" id="{38592C86-9AEC-E6D6-E482-5C8B73E0BCAC}"/>
                </a:ext>
              </a:extLst>
            </p:cNvPr>
            <p:cNvSpPr/>
            <p:nvPr/>
          </p:nvSpPr>
          <p:spPr>
            <a:xfrm>
              <a:off x="4080920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6" name="Freihandform 335">
              <a:extLst>
                <a:ext uri="{FF2B5EF4-FFF2-40B4-BE49-F238E27FC236}">
                  <a16:creationId xmlns:a16="http://schemas.microsoft.com/office/drawing/2014/main" id="{3B7060E7-3D53-5FD6-C64D-D3DF64765358}"/>
                </a:ext>
              </a:extLst>
            </p:cNvPr>
            <p:cNvSpPr/>
            <p:nvPr/>
          </p:nvSpPr>
          <p:spPr>
            <a:xfrm>
              <a:off x="3387591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7" name="Freihandform 336">
              <a:extLst>
                <a:ext uri="{FF2B5EF4-FFF2-40B4-BE49-F238E27FC236}">
                  <a16:creationId xmlns:a16="http://schemas.microsoft.com/office/drawing/2014/main" id="{034D26D4-52EC-C978-97A5-D452A0849B5B}"/>
                </a:ext>
              </a:extLst>
            </p:cNvPr>
            <p:cNvSpPr/>
            <p:nvPr/>
          </p:nvSpPr>
          <p:spPr>
            <a:xfrm>
              <a:off x="3560899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8" name="Freihandform 337">
              <a:extLst>
                <a:ext uri="{FF2B5EF4-FFF2-40B4-BE49-F238E27FC236}">
                  <a16:creationId xmlns:a16="http://schemas.microsoft.com/office/drawing/2014/main" id="{C2BBE852-4C92-4D06-93AF-370AD212C653}"/>
                </a:ext>
              </a:extLst>
            </p:cNvPr>
            <p:cNvSpPr/>
            <p:nvPr/>
          </p:nvSpPr>
          <p:spPr>
            <a:xfrm>
              <a:off x="3734255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39" name="Freihandform 338">
              <a:extLst>
                <a:ext uri="{FF2B5EF4-FFF2-40B4-BE49-F238E27FC236}">
                  <a16:creationId xmlns:a16="http://schemas.microsoft.com/office/drawing/2014/main" id="{159BA9EE-2A97-1C80-8FB0-212482D9BF8E}"/>
                </a:ext>
              </a:extLst>
            </p:cNvPr>
            <p:cNvSpPr/>
            <p:nvPr/>
          </p:nvSpPr>
          <p:spPr>
            <a:xfrm>
              <a:off x="3907611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0" name="Freihandform 339">
              <a:extLst>
                <a:ext uri="{FF2B5EF4-FFF2-40B4-BE49-F238E27FC236}">
                  <a16:creationId xmlns:a16="http://schemas.microsoft.com/office/drawing/2014/main" id="{958F39DE-D830-23BF-141C-2D333E920C58}"/>
                </a:ext>
              </a:extLst>
            </p:cNvPr>
            <p:cNvSpPr/>
            <p:nvPr/>
          </p:nvSpPr>
          <p:spPr>
            <a:xfrm>
              <a:off x="4080920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1" name="Freihandform 340">
              <a:extLst>
                <a:ext uri="{FF2B5EF4-FFF2-40B4-BE49-F238E27FC236}">
                  <a16:creationId xmlns:a16="http://schemas.microsoft.com/office/drawing/2014/main" id="{3E1A7E17-E8B3-7571-CD89-319750A50069}"/>
                </a:ext>
              </a:extLst>
            </p:cNvPr>
            <p:cNvSpPr/>
            <p:nvPr/>
          </p:nvSpPr>
          <p:spPr>
            <a:xfrm>
              <a:off x="4254275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2" name="Freihandform 341">
              <a:extLst>
                <a:ext uri="{FF2B5EF4-FFF2-40B4-BE49-F238E27FC236}">
                  <a16:creationId xmlns:a16="http://schemas.microsoft.com/office/drawing/2014/main" id="{058D2C6B-1204-B4AB-DEED-2A06791FB458}"/>
                </a:ext>
              </a:extLst>
            </p:cNvPr>
            <p:cNvSpPr/>
            <p:nvPr/>
          </p:nvSpPr>
          <p:spPr>
            <a:xfrm>
              <a:off x="3040879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3" name="Freihandform 342">
              <a:extLst>
                <a:ext uri="{FF2B5EF4-FFF2-40B4-BE49-F238E27FC236}">
                  <a16:creationId xmlns:a16="http://schemas.microsoft.com/office/drawing/2014/main" id="{5882B158-CB09-6226-4554-44CD188D34D5}"/>
                </a:ext>
              </a:extLst>
            </p:cNvPr>
            <p:cNvSpPr/>
            <p:nvPr/>
          </p:nvSpPr>
          <p:spPr>
            <a:xfrm>
              <a:off x="3214235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4" name="Freihandform 343">
              <a:extLst>
                <a:ext uri="{FF2B5EF4-FFF2-40B4-BE49-F238E27FC236}">
                  <a16:creationId xmlns:a16="http://schemas.microsoft.com/office/drawing/2014/main" id="{0024D86F-4324-D0E5-4072-813A639CE817}"/>
                </a:ext>
              </a:extLst>
            </p:cNvPr>
            <p:cNvSpPr/>
            <p:nvPr/>
          </p:nvSpPr>
          <p:spPr>
            <a:xfrm>
              <a:off x="3387591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5" name="Freihandform 344">
              <a:extLst>
                <a:ext uri="{FF2B5EF4-FFF2-40B4-BE49-F238E27FC236}">
                  <a16:creationId xmlns:a16="http://schemas.microsoft.com/office/drawing/2014/main" id="{782C6ECB-D34A-4D72-AB49-43EFAD8ED8B3}"/>
                </a:ext>
              </a:extLst>
            </p:cNvPr>
            <p:cNvSpPr/>
            <p:nvPr/>
          </p:nvSpPr>
          <p:spPr>
            <a:xfrm>
              <a:off x="3560899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6" name="Freihandform 345">
              <a:extLst>
                <a:ext uri="{FF2B5EF4-FFF2-40B4-BE49-F238E27FC236}">
                  <a16:creationId xmlns:a16="http://schemas.microsoft.com/office/drawing/2014/main" id="{63C92F6E-9651-7D8D-3645-B443CFED5109}"/>
                </a:ext>
              </a:extLst>
            </p:cNvPr>
            <p:cNvSpPr/>
            <p:nvPr/>
          </p:nvSpPr>
          <p:spPr>
            <a:xfrm>
              <a:off x="3734255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7" name="Freihandform 346">
              <a:extLst>
                <a:ext uri="{FF2B5EF4-FFF2-40B4-BE49-F238E27FC236}">
                  <a16:creationId xmlns:a16="http://schemas.microsoft.com/office/drawing/2014/main" id="{807D2D4B-500C-7C2D-71D7-FCC158081D23}"/>
                </a:ext>
              </a:extLst>
            </p:cNvPr>
            <p:cNvSpPr/>
            <p:nvPr/>
          </p:nvSpPr>
          <p:spPr>
            <a:xfrm>
              <a:off x="3907611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8" name="Freihandform 347">
              <a:extLst>
                <a:ext uri="{FF2B5EF4-FFF2-40B4-BE49-F238E27FC236}">
                  <a16:creationId xmlns:a16="http://schemas.microsoft.com/office/drawing/2014/main" id="{6963CCBF-54D6-88C2-8205-4DE49BC9B25A}"/>
                </a:ext>
              </a:extLst>
            </p:cNvPr>
            <p:cNvSpPr/>
            <p:nvPr/>
          </p:nvSpPr>
          <p:spPr>
            <a:xfrm>
              <a:off x="4080920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49" name="Freihandform 348">
              <a:extLst>
                <a:ext uri="{FF2B5EF4-FFF2-40B4-BE49-F238E27FC236}">
                  <a16:creationId xmlns:a16="http://schemas.microsoft.com/office/drawing/2014/main" id="{876960CE-9997-11FD-9970-1580073733CE}"/>
                </a:ext>
              </a:extLst>
            </p:cNvPr>
            <p:cNvSpPr/>
            <p:nvPr/>
          </p:nvSpPr>
          <p:spPr>
            <a:xfrm>
              <a:off x="4254275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0" name="Freihandform 349">
              <a:extLst>
                <a:ext uri="{FF2B5EF4-FFF2-40B4-BE49-F238E27FC236}">
                  <a16:creationId xmlns:a16="http://schemas.microsoft.com/office/drawing/2014/main" id="{FCAEDA70-6976-64F7-2EA6-EB1A58E2EC16}"/>
                </a:ext>
              </a:extLst>
            </p:cNvPr>
            <p:cNvSpPr/>
            <p:nvPr/>
          </p:nvSpPr>
          <p:spPr>
            <a:xfrm>
              <a:off x="3214235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1" name="Freihandform 350">
              <a:extLst>
                <a:ext uri="{FF2B5EF4-FFF2-40B4-BE49-F238E27FC236}">
                  <a16:creationId xmlns:a16="http://schemas.microsoft.com/office/drawing/2014/main" id="{9EED7E9D-2CE3-038A-C259-E9C5E7421255}"/>
                </a:ext>
              </a:extLst>
            </p:cNvPr>
            <p:cNvSpPr/>
            <p:nvPr/>
          </p:nvSpPr>
          <p:spPr>
            <a:xfrm>
              <a:off x="3387591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2" name="Freihandform 351">
              <a:extLst>
                <a:ext uri="{FF2B5EF4-FFF2-40B4-BE49-F238E27FC236}">
                  <a16:creationId xmlns:a16="http://schemas.microsoft.com/office/drawing/2014/main" id="{B938960F-8B8D-0BB2-E606-18E3E777C81C}"/>
                </a:ext>
              </a:extLst>
            </p:cNvPr>
            <p:cNvSpPr/>
            <p:nvPr/>
          </p:nvSpPr>
          <p:spPr>
            <a:xfrm>
              <a:off x="3560899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3" name="Freihandform 352">
              <a:extLst>
                <a:ext uri="{FF2B5EF4-FFF2-40B4-BE49-F238E27FC236}">
                  <a16:creationId xmlns:a16="http://schemas.microsoft.com/office/drawing/2014/main" id="{DADD0A69-669A-2B1B-F9D4-6B1A0E3ECB80}"/>
                </a:ext>
              </a:extLst>
            </p:cNvPr>
            <p:cNvSpPr/>
            <p:nvPr/>
          </p:nvSpPr>
          <p:spPr>
            <a:xfrm>
              <a:off x="3734255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4" name="Freihandform 353">
              <a:extLst>
                <a:ext uri="{FF2B5EF4-FFF2-40B4-BE49-F238E27FC236}">
                  <a16:creationId xmlns:a16="http://schemas.microsoft.com/office/drawing/2014/main" id="{86254066-84FC-7264-0C53-F1BB4E38619F}"/>
                </a:ext>
              </a:extLst>
            </p:cNvPr>
            <p:cNvSpPr/>
            <p:nvPr/>
          </p:nvSpPr>
          <p:spPr>
            <a:xfrm>
              <a:off x="3907611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5" name="Freihandform 354">
              <a:extLst>
                <a:ext uri="{FF2B5EF4-FFF2-40B4-BE49-F238E27FC236}">
                  <a16:creationId xmlns:a16="http://schemas.microsoft.com/office/drawing/2014/main" id="{082DC4BD-ECBC-BCFC-7BF2-7F976E8FB0D4}"/>
                </a:ext>
              </a:extLst>
            </p:cNvPr>
            <p:cNvSpPr/>
            <p:nvPr/>
          </p:nvSpPr>
          <p:spPr>
            <a:xfrm>
              <a:off x="4080920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6" name="Freihandform 355">
              <a:extLst>
                <a:ext uri="{FF2B5EF4-FFF2-40B4-BE49-F238E27FC236}">
                  <a16:creationId xmlns:a16="http://schemas.microsoft.com/office/drawing/2014/main" id="{98E115CA-4230-3437-1E43-AED3969CE53A}"/>
                </a:ext>
              </a:extLst>
            </p:cNvPr>
            <p:cNvSpPr/>
            <p:nvPr/>
          </p:nvSpPr>
          <p:spPr>
            <a:xfrm>
              <a:off x="3040879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7" name="Freihandform 356">
              <a:extLst>
                <a:ext uri="{FF2B5EF4-FFF2-40B4-BE49-F238E27FC236}">
                  <a16:creationId xmlns:a16="http://schemas.microsoft.com/office/drawing/2014/main" id="{7F003671-576B-649E-AB89-7A70F16FC465}"/>
                </a:ext>
              </a:extLst>
            </p:cNvPr>
            <p:cNvSpPr/>
            <p:nvPr/>
          </p:nvSpPr>
          <p:spPr>
            <a:xfrm>
              <a:off x="3214235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8" name="Freihandform 357">
              <a:extLst>
                <a:ext uri="{FF2B5EF4-FFF2-40B4-BE49-F238E27FC236}">
                  <a16:creationId xmlns:a16="http://schemas.microsoft.com/office/drawing/2014/main" id="{2D6F569F-F13F-AD5D-009C-31B05E832A05}"/>
                </a:ext>
              </a:extLst>
            </p:cNvPr>
            <p:cNvSpPr/>
            <p:nvPr/>
          </p:nvSpPr>
          <p:spPr>
            <a:xfrm>
              <a:off x="3387591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59" name="Freihandform 358">
              <a:extLst>
                <a:ext uri="{FF2B5EF4-FFF2-40B4-BE49-F238E27FC236}">
                  <a16:creationId xmlns:a16="http://schemas.microsoft.com/office/drawing/2014/main" id="{F6CC2AC1-2002-3AFB-BEF8-DC2EEAA64E82}"/>
                </a:ext>
              </a:extLst>
            </p:cNvPr>
            <p:cNvSpPr/>
            <p:nvPr/>
          </p:nvSpPr>
          <p:spPr>
            <a:xfrm>
              <a:off x="3560899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0" name="Freihandform 359">
              <a:extLst>
                <a:ext uri="{FF2B5EF4-FFF2-40B4-BE49-F238E27FC236}">
                  <a16:creationId xmlns:a16="http://schemas.microsoft.com/office/drawing/2014/main" id="{ED46C8F3-F1D1-0F29-C468-864425FE9B15}"/>
                </a:ext>
              </a:extLst>
            </p:cNvPr>
            <p:cNvSpPr/>
            <p:nvPr/>
          </p:nvSpPr>
          <p:spPr>
            <a:xfrm>
              <a:off x="3734255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1" name="Freihandform 360">
              <a:extLst>
                <a:ext uri="{FF2B5EF4-FFF2-40B4-BE49-F238E27FC236}">
                  <a16:creationId xmlns:a16="http://schemas.microsoft.com/office/drawing/2014/main" id="{9DE82884-B3A4-A7F6-D910-D4CE53EED7FA}"/>
                </a:ext>
              </a:extLst>
            </p:cNvPr>
            <p:cNvSpPr/>
            <p:nvPr/>
          </p:nvSpPr>
          <p:spPr>
            <a:xfrm>
              <a:off x="3907611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2" name="Freihandform 361">
              <a:extLst>
                <a:ext uri="{FF2B5EF4-FFF2-40B4-BE49-F238E27FC236}">
                  <a16:creationId xmlns:a16="http://schemas.microsoft.com/office/drawing/2014/main" id="{EA51E326-8AC3-492E-695E-602E71E5EA69}"/>
                </a:ext>
              </a:extLst>
            </p:cNvPr>
            <p:cNvSpPr/>
            <p:nvPr/>
          </p:nvSpPr>
          <p:spPr>
            <a:xfrm>
              <a:off x="4080920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3" name="Freihandform 362">
              <a:extLst>
                <a:ext uri="{FF2B5EF4-FFF2-40B4-BE49-F238E27FC236}">
                  <a16:creationId xmlns:a16="http://schemas.microsoft.com/office/drawing/2014/main" id="{D3B83BAE-EB9F-186D-7BF3-622EE674F32B}"/>
                </a:ext>
              </a:extLst>
            </p:cNvPr>
            <p:cNvSpPr/>
            <p:nvPr/>
          </p:nvSpPr>
          <p:spPr>
            <a:xfrm>
              <a:off x="3040879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4" name="Freihandform 363">
              <a:extLst>
                <a:ext uri="{FF2B5EF4-FFF2-40B4-BE49-F238E27FC236}">
                  <a16:creationId xmlns:a16="http://schemas.microsoft.com/office/drawing/2014/main" id="{2B56151D-402B-CF0D-29B7-015202DF2A2B}"/>
                </a:ext>
              </a:extLst>
            </p:cNvPr>
            <p:cNvSpPr/>
            <p:nvPr/>
          </p:nvSpPr>
          <p:spPr>
            <a:xfrm>
              <a:off x="3214235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5" name="Freihandform 364">
              <a:extLst>
                <a:ext uri="{FF2B5EF4-FFF2-40B4-BE49-F238E27FC236}">
                  <a16:creationId xmlns:a16="http://schemas.microsoft.com/office/drawing/2014/main" id="{02DEF03C-3270-0F6D-6CF7-EAE39366C6E5}"/>
                </a:ext>
              </a:extLst>
            </p:cNvPr>
            <p:cNvSpPr/>
            <p:nvPr/>
          </p:nvSpPr>
          <p:spPr>
            <a:xfrm>
              <a:off x="3387591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6" name="Freihandform 365">
              <a:extLst>
                <a:ext uri="{FF2B5EF4-FFF2-40B4-BE49-F238E27FC236}">
                  <a16:creationId xmlns:a16="http://schemas.microsoft.com/office/drawing/2014/main" id="{9CAF9EC1-1284-BC82-002B-C2FFBE48D392}"/>
                </a:ext>
              </a:extLst>
            </p:cNvPr>
            <p:cNvSpPr/>
            <p:nvPr/>
          </p:nvSpPr>
          <p:spPr>
            <a:xfrm>
              <a:off x="3560899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7" name="Freihandform 366">
              <a:extLst>
                <a:ext uri="{FF2B5EF4-FFF2-40B4-BE49-F238E27FC236}">
                  <a16:creationId xmlns:a16="http://schemas.microsoft.com/office/drawing/2014/main" id="{17C8E9E2-A816-05B2-D09D-E721D89EEBBE}"/>
                </a:ext>
              </a:extLst>
            </p:cNvPr>
            <p:cNvSpPr/>
            <p:nvPr/>
          </p:nvSpPr>
          <p:spPr>
            <a:xfrm>
              <a:off x="3734255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8" name="Freihandform 367">
              <a:extLst>
                <a:ext uri="{FF2B5EF4-FFF2-40B4-BE49-F238E27FC236}">
                  <a16:creationId xmlns:a16="http://schemas.microsoft.com/office/drawing/2014/main" id="{1EDDFB5B-134C-66E4-FDE2-0CDF78101ECA}"/>
                </a:ext>
              </a:extLst>
            </p:cNvPr>
            <p:cNvSpPr/>
            <p:nvPr/>
          </p:nvSpPr>
          <p:spPr>
            <a:xfrm>
              <a:off x="3907611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69" name="Freihandform 368">
              <a:extLst>
                <a:ext uri="{FF2B5EF4-FFF2-40B4-BE49-F238E27FC236}">
                  <a16:creationId xmlns:a16="http://schemas.microsoft.com/office/drawing/2014/main" id="{DD7D2522-9D8B-D2B8-1E19-389997F22282}"/>
                </a:ext>
              </a:extLst>
            </p:cNvPr>
            <p:cNvSpPr/>
            <p:nvPr/>
          </p:nvSpPr>
          <p:spPr>
            <a:xfrm>
              <a:off x="3040879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0" name="Freihandform 369">
              <a:extLst>
                <a:ext uri="{FF2B5EF4-FFF2-40B4-BE49-F238E27FC236}">
                  <a16:creationId xmlns:a16="http://schemas.microsoft.com/office/drawing/2014/main" id="{43B21B0C-6961-38FC-C72C-F7ADA6A677F8}"/>
                </a:ext>
              </a:extLst>
            </p:cNvPr>
            <p:cNvSpPr/>
            <p:nvPr/>
          </p:nvSpPr>
          <p:spPr>
            <a:xfrm>
              <a:off x="3214235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1" name="Freihandform 370">
              <a:extLst>
                <a:ext uri="{FF2B5EF4-FFF2-40B4-BE49-F238E27FC236}">
                  <a16:creationId xmlns:a16="http://schemas.microsoft.com/office/drawing/2014/main" id="{2F2E3E56-95B4-E599-B9DE-8174B11544D1}"/>
                </a:ext>
              </a:extLst>
            </p:cNvPr>
            <p:cNvSpPr/>
            <p:nvPr/>
          </p:nvSpPr>
          <p:spPr>
            <a:xfrm>
              <a:off x="3387591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2" name="Freihandform 371">
              <a:extLst>
                <a:ext uri="{FF2B5EF4-FFF2-40B4-BE49-F238E27FC236}">
                  <a16:creationId xmlns:a16="http://schemas.microsoft.com/office/drawing/2014/main" id="{1FCBAECB-6F41-600B-B575-05E3DB5E53F1}"/>
                </a:ext>
              </a:extLst>
            </p:cNvPr>
            <p:cNvSpPr/>
            <p:nvPr/>
          </p:nvSpPr>
          <p:spPr>
            <a:xfrm>
              <a:off x="3560899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3" name="Freihandform 372">
              <a:extLst>
                <a:ext uri="{FF2B5EF4-FFF2-40B4-BE49-F238E27FC236}">
                  <a16:creationId xmlns:a16="http://schemas.microsoft.com/office/drawing/2014/main" id="{1145D359-47F0-862F-4573-0E9FE6226C68}"/>
                </a:ext>
              </a:extLst>
            </p:cNvPr>
            <p:cNvSpPr/>
            <p:nvPr/>
          </p:nvSpPr>
          <p:spPr>
            <a:xfrm>
              <a:off x="3734255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4" name="Freihandform 373">
              <a:extLst>
                <a:ext uri="{FF2B5EF4-FFF2-40B4-BE49-F238E27FC236}">
                  <a16:creationId xmlns:a16="http://schemas.microsoft.com/office/drawing/2014/main" id="{5533FB17-0CD3-B334-89DB-2EF8E9A150BF}"/>
                </a:ext>
              </a:extLst>
            </p:cNvPr>
            <p:cNvSpPr/>
            <p:nvPr/>
          </p:nvSpPr>
          <p:spPr>
            <a:xfrm>
              <a:off x="3907611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5" name="Freihandform 374">
              <a:extLst>
                <a:ext uri="{FF2B5EF4-FFF2-40B4-BE49-F238E27FC236}">
                  <a16:creationId xmlns:a16="http://schemas.microsoft.com/office/drawing/2014/main" id="{0A3B25F6-A75F-D64F-DF92-4ABC8021F181}"/>
                </a:ext>
              </a:extLst>
            </p:cNvPr>
            <p:cNvSpPr/>
            <p:nvPr/>
          </p:nvSpPr>
          <p:spPr>
            <a:xfrm>
              <a:off x="3214235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6" name="Freihandform 375">
              <a:extLst>
                <a:ext uri="{FF2B5EF4-FFF2-40B4-BE49-F238E27FC236}">
                  <a16:creationId xmlns:a16="http://schemas.microsoft.com/office/drawing/2014/main" id="{53DECB90-29A5-02E4-6097-112A4784E427}"/>
                </a:ext>
              </a:extLst>
            </p:cNvPr>
            <p:cNvSpPr/>
            <p:nvPr/>
          </p:nvSpPr>
          <p:spPr>
            <a:xfrm>
              <a:off x="3387591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7" name="Freihandform 376">
              <a:extLst>
                <a:ext uri="{FF2B5EF4-FFF2-40B4-BE49-F238E27FC236}">
                  <a16:creationId xmlns:a16="http://schemas.microsoft.com/office/drawing/2014/main" id="{636E7E26-726B-B5E8-6616-EEEEE8BA0017}"/>
                </a:ext>
              </a:extLst>
            </p:cNvPr>
            <p:cNvSpPr/>
            <p:nvPr/>
          </p:nvSpPr>
          <p:spPr>
            <a:xfrm>
              <a:off x="3560899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8" name="Freihandform 377">
              <a:extLst>
                <a:ext uri="{FF2B5EF4-FFF2-40B4-BE49-F238E27FC236}">
                  <a16:creationId xmlns:a16="http://schemas.microsoft.com/office/drawing/2014/main" id="{E51CE109-55BE-1D9B-C4F4-F32215BC25BD}"/>
                </a:ext>
              </a:extLst>
            </p:cNvPr>
            <p:cNvSpPr/>
            <p:nvPr/>
          </p:nvSpPr>
          <p:spPr>
            <a:xfrm>
              <a:off x="3734255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79" name="Freihandform 378">
              <a:extLst>
                <a:ext uri="{FF2B5EF4-FFF2-40B4-BE49-F238E27FC236}">
                  <a16:creationId xmlns:a16="http://schemas.microsoft.com/office/drawing/2014/main" id="{1A11E211-89AB-639F-46C8-E42B1DF7F150}"/>
                </a:ext>
              </a:extLst>
            </p:cNvPr>
            <p:cNvSpPr/>
            <p:nvPr/>
          </p:nvSpPr>
          <p:spPr>
            <a:xfrm>
              <a:off x="4427584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0" name="Freihandform 379">
              <a:extLst>
                <a:ext uri="{FF2B5EF4-FFF2-40B4-BE49-F238E27FC236}">
                  <a16:creationId xmlns:a16="http://schemas.microsoft.com/office/drawing/2014/main" id="{44D82FD0-1DC1-E037-AF16-B5C0251A4080}"/>
                </a:ext>
              </a:extLst>
            </p:cNvPr>
            <p:cNvSpPr/>
            <p:nvPr/>
          </p:nvSpPr>
          <p:spPr>
            <a:xfrm>
              <a:off x="4600940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1" name="Freihandform 380">
              <a:extLst>
                <a:ext uri="{FF2B5EF4-FFF2-40B4-BE49-F238E27FC236}">
                  <a16:creationId xmlns:a16="http://schemas.microsoft.com/office/drawing/2014/main" id="{7688FD0E-02FB-E909-8C60-BAE9A16B6ACF}"/>
                </a:ext>
              </a:extLst>
            </p:cNvPr>
            <p:cNvSpPr/>
            <p:nvPr/>
          </p:nvSpPr>
          <p:spPr>
            <a:xfrm>
              <a:off x="4774296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2" name="Freihandform 381">
              <a:extLst>
                <a:ext uri="{FF2B5EF4-FFF2-40B4-BE49-F238E27FC236}">
                  <a16:creationId xmlns:a16="http://schemas.microsoft.com/office/drawing/2014/main" id="{55795AD9-4BFF-DEE2-F9F8-FB2AAD2472A8}"/>
                </a:ext>
              </a:extLst>
            </p:cNvPr>
            <p:cNvSpPr/>
            <p:nvPr/>
          </p:nvSpPr>
          <p:spPr>
            <a:xfrm>
              <a:off x="4254275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3" name="Freihandform 382">
              <a:extLst>
                <a:ext uri="{FF2B5EF4-FFF2-40B4-BE49-F238E27FC236}">
                  <a16:creationId xmlns:a16="http://schemas.microsoft.com/office/drawing/2014/main" id="{592980C2-383A-7E08-47D2-8594828C38FB}"/>
                </a:ext>
              </a:extLst>
            </p:cNvPr>
            <p:cNvSpPr/>
            <p:nvPr/>
          </p:nvSpPr>
          <p:spPr>
            <a:xfrm>
              <a:off x="4427584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4" name="Freihandform 383">
              <a:extLst>
                <a:ext uri="{FF2B5EF4-FFF2-40B4-BE49-F238E27FC236}">
                  <a16:creationId xmlns:a16="http://schemas.microsoft.com/office/drawing/2014/main" id="{CFEF3DB7-219D-E282-21FB-7E117E33329F}"/>
                </a:ext>
              </a:extLst>
            </p:cNvPr>
            <p:cNvSpPr/>
            <p:nvPr/>
          </p:nvSpPr>
          <p:spPr>
            <a:xfrm>
              <a:off x="4600940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5" name="Freihandform 384">
              <a:extLst>
                <a:ext uri="{FF2B5EF4-FFF2-40B4-BE49-F238E27FC236}">
                  <a16:creationId xmlns:a16="http://schemas.microsoft.com/office/drawing/2014/main" id="{039CF300-4D17-72E8-69B2-DD2A6670D004}"/>
                </a:ext>
              </a:extLst>
            </p:cNvPr>
            <p:cNvSpPr/>
            <p:nvPr/>
          </p:nvSpPr>
          <p:spPr>
            <a:xfrm>
              <a:off x="4774296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6" name="Freihandform 385">
              <a:extLst>
                <a:ext uri="{FF2B5EF4-FFF2-40B4-BE49-F238E27FC236}">
                  <a16:creationId xmlns:a16="http://schemas.microsoft.com/office/drawing/2014/main" id="{2ABCD46F-59B3-64B0-DE3E-333CA8C1783B}"/>
                </a:ext>
              </a:extLst>
            </p:cNvPr>
            <p:cNvSpPr/>
            <p:nvPr/>
          </p:nvSpPr>
          <p:spPr>
            <a:xfrm>
              <a:off x="4254275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7" name="Freihandform 386">
              <a:extLst>
                <a:ext uri="{FF2B5EF4-FFF2-40B4-BE49-F238E27FC236}">
                  <a16:creationId xmlns:a16="http://schemas.microsoft.com/office/drawing/2014/main" id="{BD34F191-BFE6-3D65-BCA5-05F9313F6B2F}"/>
                </a:ext>
              </a:extLst>
            </p:cNvPr>
            <p:cNvSpPr/>
            <p:nvPr/>
          </p:nvSpPr>
          <p:spPr>
            <a:xfrm>
              <a:off x="4427584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8" name="Freihandform 387">
              <a:extLst>
                <a:ext uri="{FF2B5EF4-FFF2-40B4-BE49-F238E27FC236}">
                  <a16:creationId xmlns:a16="http://schemas.microsoft.com/office/drawing/2014/main" id="{5F5A7BE9-50A3-3E1D-78AC-1AC8B5256E91}"/>
                </a:ext>
              </a:extLst>
            </p:cNvPr>
            <p:cNvSpPr/>
            <p:nvPr/>
          </p:nvSpPr>
          <p:spPr>
            <a:xfrm>
              <a:off x="4600940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89" name="Freihandform 388">
              <a:extLst>
                <a:ext uri="{FF2B5EF4-FFF2-40B4-BE49-F238E27FC236}">
                  <a16:creationId xmlns:a16="http://schemas.microsoft.com/office/drawing/2014/main" id="{B3837447-60D3-0CB6-3316-CA3656EFDFF8}"/>
                </a:ext>
              </a:extLst>
            </p:cNvPr>
            <p:cNvSpPr/>
            <p:nvPr/>
          </p:nvSpPr>
          <p:spPr>
            <a:xfrm>
              <a:off x="4774296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0" name="Freihandform 389">
              <a:extLst>
                <a:ext uri="{FF2B5EF4-FFF2-40B4-BE49-F238E27FC236}">
                  <a16:creationId xmlns:a16="http://schemas.microsoft.com/office/drawing/2014/main" id="{29A7B9CA-8C0B-DA9B-552F-1361CA9C7EE7}"/>
                </a:ext>
              </a:extLst>
            </p:cNvPr>
            <p:cNvSpPr/>
            <p:nvPr/>
          </p:nvSpPr>
          <p:spPr>
            <a:xfrm>
              <a:off x="4080920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1" name="Freihandform 390">
              <a:extLst>
                <a:ext uri="{FF2B5EF4-FFF2-40B4-BE49-F238E27FC236}">
                  <a16:creationId xmlns:a16="http://schemas.microsoft.com/office/drawing/2014/main" id="{D25930F9-C2E6-F03D-37AF-B003123B9883}"/>
                </a:ext>
              </a:extLst>
            </p:cNvPr>
            <p:cNvSpPr/>
            <p:nvPr/>
          </p:nvSpPr>
          <p:spPr>
            <a:xfrm>
              <a:off x="4254275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2" name="Freihandform 391">
              <a:extLst>
                <a:ext uri="{FF2B5EF4-FFF2-40B4-BE49-F238E27FC236}">
                  <a16:creationId xmlns:a16="http://schemas.microsoft.com/office/drawing/2014/main" id="{7130F2BF-4B8E-471C-9EDB-7A3EAC0CE13F}"/>
                </a:ext>
              </a:extLst>
            </p:cNvPr>
            <p:cNvSpPr/>
            <p:nvPr/>
          </p:nvSpPr>
          <p:spPr>
            <a:xfrm>
              <a:off x="4427584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3" name="Freihandform 392">
              <a:extLst>
                <a:ext uri="{FF2B5EF4-FFF2-40B4-BE49-F238E27FC236}">
                  <a16:creationId xmlns:a16="http://schemas.microsoft.com/office/drawing/2014/main" id="{DFE10AB8-0FAD-1948-9DA6-535535054741}"/>
                </a:ext>
              </a:extLst>
            </p:cNvPr>
            <p:cNvSpPr/>
            <p:nvPr/>
          </p:nvSpPr>
          <p:spPr>
            <a:xfrm>
              <a:off x="4600940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4" name="Freihandform 393">
              <a:extLst>
                <a:ext uri="{FF2B5EF4-FFF2-40B4-BE49-F238E27FC236}">
                  <a16:creationId xmlns:a16="http://schemas.microsoft.com/office/drawing/2014/main" id="{F202594F-86CE-D28F-9DD4-43C9F33E7B7B}"/>
                </a:ext>
              </a:extLst>
            </p:cNvPr>
            <p:cNvSpPr/>
            <p:nvPr/>
          </p:nvSpPr>
          <p:spPr>
            <a:xfrm>
              <a:off x="4774296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5" name="Freihandform 394">
              <a:extLst>
                <a:ext uri="{FF2B5EF4-FFF2-40B4-BE49-F238E27FC236}">
                  <a16:creationId xmlns:a16="http://schemas.microsoft.com/office/drawing/2014/main" id="{338471D9-B487-2099-1EB1-6AAFB2993E80}"/>
                </a:ext>
              </a:extLst>
            </p:cNvPr>
            <p:cNvSpPr/>
            <p:nvPr/>
          </p:nvSpPr>
          <p:spPr>
            <a:xfrm>
              <a:off x="4080920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6" name="Freihandform 395">
              <a:extLst>
                <a:ext uri="{FF2B5EF4-FFF2-40B4-BE49-F238E27FC236}">
                  <a16:creationId xmlns:a16="http://schemas.microsoft.com/office/drawing/2014/main" id="{AA524BB6-62B1-FA51-B155-6CEC5EEFC642}"/>
                </a:ext>
              </a:extLst>
            </p:cNvPr>
            <p:cNvSpPr/>
            <p:nvPr/>
          </p:nvSpPr>
          <p:spPr>
            <a:xfrm>
              <a:off x="4254275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7" name="Freihandform 396">
              <a:extLst>
                <a:ext uri="{FF2B5EF4-FFF2-40B4-BE49-F238E27FC236}">
                  <a16:creationId xmlns:a16="http://schemas.microsoft.com/office/drawing/2014/main" id="{C8839B8C-746F-41FC-F1A9-5A6E59BD1351}"/>
                </a:ext>
              </a:extLst>
            </p:cNvPr>
            <p:cNvSpPr/>
            <p:nvPr/>
          </p:nvSpPr>
          <p:spPr>
            <a:xfrm>
              <a:off x="4427584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8" name="Freihandform 397">
              <a:extLst>
                <a:ext uri="{FF2B5EF4-FFF2-40B4-BE49-F238E27FC236}">
                  <a16:creationId xmlns:a16="http://schemas.microsoft.com/office/drawing/2014/main" id="{C0E2CBC3-B86B-D759-ED94-5F749378D3F3}"/>
                </a:ext>
              </a:extLst>
            </p:cNvPr>
            <p:cNvSpPr/>
            <p:nvPr/>
          </p:nvSpPr>
          <p:spPr>
            <a:xfrm>
              <a:off x="4600940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399" name="Freihandform 398">
              <a:extLst>
                <a:ext uri="{FF2B5EF4-FFF2-40B4-BE49-F238E27FC236}">
                  <a16:creationId xmlns:a16="http://schemas.microsoft.com/office/drawing/2014/main" id="{0EE9D62A-86C3-D07E-FBEA-258D461A778E}"/>
                </a:ext>
              </a:extLst>
            </p:cNvPr>
            <p:cNvSpPr/>
            <p:nvPr/>
          </p:nvSpPr>
          <p:spPr>
            <a:xfrm>
              <a:off x="4774296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0" name="Freihandform 399">
              <a:extLst>
                <a:ext uri="{FF2B5EF4-FFF2-40B4-BE49-F238E27FC236}">
                  <a16:creationId xmlns:a16="http://schemas.microsoft.com/office/drawing/2014/main" id="{19A533A7-B064-4A34-F9C0-5E7BB66109F1}"/>
                </a:ext>
              </a:extLst>
            </p:cNvPr>
            <p:cNvSpPr/>
            <p:nvPr/>
          </p:nvSpPr>
          <p:spPr>
            <a:xfrm>
              <a:off x="4947604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1" name="Freihandform 400">
              <a:extLst>
                <a:ext uri="{FF2B5EF4-FFF2-40B4-BE49-F238E27FC236}">
                  <a16:creationId xmlns:a16="http://schemas.microsoft.com/office/drawing/2014/main" id="{302FC1BC-86FB-36C5-A1DB-AF30DF2DF59E}"/>
                </a:ext>
              </a:extLst>
            </p:cNvPr>
            <p:cNvSpPr/>
            <p:nvPr/>
          </p:nvSpPr>
          <p:spPr>
            <a:xfrm>
              <a:off x="5120960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2" name="Freihandform 401">
              <a:extLst>
                <a:ext uri="{FF2B5EF4-FFF2-40B4-BE49-F238E27FC236}">
                  <a16:creationId xmlns:a16="http://schemas.microsoft.com/office/drawing/2014/main" id="{35B1D32C-DCCC-BB64-C6B3-29EDFE1E9500}"/>
                </a:ext>
              </a:extLst>
            </p:cNvPr>
            <p:cNvSpPr/>
            <p:nvPr/>
          </p:nvSpPr>
          <p:spPr>
            <a:xfrm>
              <a:off x="3907611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3" name="Freihandform 402">
              <a:extLst>
                <a:ext uri="{FF2B5EF4-FFF2-40B4-BE49-F238E27FC236}">
                  <a16:creationId xmlns:a16="http://schemas.microsoft.com/office/drawing/2014/main" id="{3DEC6FF0-FDB8-A600-271F-3740469D8C40}"/>
                </a:ext>
              </a:extLst>
            </p:cNvPr>
            <p:cNvSpPr/>
            <p:nvPr/>
          </p:nvSpPr>
          <p:spPr>
            <a:xfrm>
              <a:off x="4080920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4" name="Freihandform 403">
              <a:extLst>
                <a:ext uri="{FF2B5EF4-FFF2-40B4-BE49-F238E27FC236}">
                  <a16:creationId xmlns:a16="http://schemas.microsoft.com/office/drawing/2014/main" id="{20A9ED81-FCB9-9134-2C15-ADDE77DF1244}"/>
                </a:ext>
              </a:extLst>
            </p:cNvPr>
            <p:cNvSpPr/>
            <p:nvPr/>
          </p:nvSpPr>
          <p:spPr>
            <a:xfrm>
              <a:off x="4254275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5" name="Freihandform 404">
              <a:extLst>
                <a:ext uri="{FF2B5EF4-FFF2-40B4-BE49-F238E27FC236}">
                  <a16:creationId xmlns:a16="http://schemas.microsoft.com/office/drawing/2014/main" id="{4124A794-ABA2-8CA9-AA64-ACCB9AE042AA}"/>
                </a:ext>
              </a:extLst>
            </p:cNvPr>
            <p:cNvSpPr/>
            <p:nvPr/>
          </p:nvSpPr>
          <p:spPr>
            <a:xfrm>
              <a:off x="4427584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6" name="Freihandform 405">
              <a:extLst>
                <a:ext uri="{FF2B5EF4-FFF2-40B4-BE49-F238E27FC236}">
                  <a16:creationId xmlns:a16="http://schemas.microsoft.com/office/drawing/2014/main" id="{54868092-F679-F28A-B9A6-CF10F95560D3}"/>
                </a:ext>
              </a:extLst>
            </p:cNvPr>
            <p:cNvSpPr/>
            <p:nvPr/>
          </p:nvSpPr>
          <p:spPr>
            <a:xfrm>
              <a:off x="4600940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7" name="Freihandform 406">
              <a:extLst>
                <a:ext uri="{FF2B5EF4-FFF2-40B4-BE49-F238E27FC236}">
                  <a16:creationId xmlns:a16="http://schemas.microsoft.com/office/drawing/2014/main" id="{26ABA488-524D-5ED9-D940-068785CDD9DB}"/>
                </a:ext>
              </a:extLst>
            </p:cNvPr>
            <p:cNvSpPr/>
            <p:nvPr/>
          </p:nvSpPr>
          <p:spPr>
            <a:xfrm>
              <a:off x="4774296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8" name="Freihandform 407">
              <a:extLst>
                <a:ext uri="{FF2B5EF4-FFF2-40B4-BE49-F238E27FC236}">
                  <a16:creationId xmlns:a16="http://schemas.microsoft.com/office/drawing/2014/main" id="{81028DA4-C346-907D-3CC0-F732D843C500}"/>
                </a:ext>
              </a:extLst>
            </p:cNvPr>
            <p:cNvSpPr/>
            <p:nvPr/>
          </p:nvSpPr>
          <p:spPr>
            <a:xfrm>
              <a:off x="4947604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09" name="Freihandform 408">
              <a:extLst>
                <a:ext uri="{FF2B5EF4-FFF2-40B4-BE49-F238E27FC236}">
                  <a16:creationId xmlns:a16="http://schemas.microsoft.com/office/drawing/2014/main" id="{17965A97-DEC7-1D57-C0B9-682698D1897E}"/>
                </a:ext>
              </a:extLst>
            </p:cNvPr>
            <p:cNvSpPr/>
            <p:nvPr/>
          </p:nvSpPr>
          <p:spPr>
            <a:xfrm>
              <a:off x="3387591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0" name="Freihandform 409">
              <a:extLst>
                <a:ext uri="{FF2B5EF4-FFF2-40B4-BE49-F238E27FC236}">
                  <a16:creationId xmlns:a16="http://schemas.microsoft.com/office/drawing/2014/main" id="{8AA2CE69-F41A-F4A7-FF22-448267988D3C}"/>
                </a:ext>
              </a:extLst>
            </p:cNvPr>
            <p:cNvSpPr/>
            <p:nvPr/>
          </p:nvSpPr>
          <p:spPr>
            <a:xfrm>
              <a:off x="3560899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1" name="Freihandform 410">
              <a:extLst>
                <a:ext uri="{FF2B5EF4-FFF2-40B4-BE49-F238E27FC236}">
                  <a16:creationId xmlns:a16="http://schemas.microsoft.com/office/drawing/2014/main" id="{3A2A6002-649B-EE43-A975-B9C9D4750625}"/>
                </a:ext>
              </a:extLst>
            </p:cNvPr>
            <p:cNvSpPr/>
            <p:nvPr/>
          </p:nvSpPr>
          <p:spPr>
            <a:xfrm>
              <a:off x="3734255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2" name="Freihandform 411">
              <a:extLst>
                <a:ext uri="{FF2B5EF4-FFF2-40B4-BE49-F238E27FC236}">
                  <a16:creationId xmlns:a16="http://schemas.microsoft.com/office/drawing/2014/main" id="{DC94754C-A22F-339A-1BC5-603AD1FD7CAE}"/>
                </a:ext>
              </a:extLst>
            </p:cNvPr>
            <p:cNvSpPr/>
            <p:nvPr/>
          </p:nvSpPr>
          <p:spPr>
            <a:xfrm>
              <a:off x="3907611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3" name="Freihandform 412">
              <a:extLst>
                <a:ext uri="{FF2B5EF4-FFF2-40B4-BE49-F238E27FC236}">
                  <a16:creationId xmlns:a16="http://schemas.microsoft.com/office/drawing/2014/main" id="{FEA689BB-68CA-AE0C-E3F2-903CACE6C444}"/>
                </a:ext>
              </a:extLst>
            </p:cNvPr>
            <p:cNvSpPr/>
            <p:nvPr/>
          </p:nvSpPr>
          <p:spPr>
            <a:xfrm>
              <a:off x="4080920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4" name="Freihandform 413">
              <a:extLst>
                <a:ext uri="{FF2B5EF4-FFF2-40B4-BE49-F238E27FC236}">
                  <a16:creationId xmlns:a16="http://schemas.microsoft.com/office/drawing/2014/main" id="{789ADAA4-A89F-936E-7E65-6EA2BBC202C8}"/>
                </a:ext>
              </a:extLst>
            </p:cNvPr>
            <p:cNvSpPr/>
            <p:nvPr/>
          </p:nvSpPr>
          <p:spPr>
            <a:xfrm>
              <a:off x="4254275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5" name="Freihandform 414">
              <a:extLst>
                <a:ext uri="{FF2B5EF4-FFF2-40B4-BE49-F238E27FC236}">
                  <a16:creationId xmlns:a16="http://schemas.microsoft.com/office/drawing/2014/main" id="{EF232961-55F1-52B8-0723-909ED6E370F3}"/>
                </a:ext>
              </a:extLst>
            </p:cNvPr>
            <p:cNvSpPr/>
            <p:nvPr/>
          </p:nvSpPr>
          <p:spPr>
            <a:xfrm>
              <a:off x="4427584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6" name="Freihandform 415">
              <a:extLst>
                <a:ext uri="{FF2B5EF4-FFF2-40B4-BE49-F238E27FC236}">
                  <a16:creationId xmlns:a16="http://schemas.microsoft.com/office/drawing/2014/main" id="{64ACBDD0-791A-E615-A955-2934CC1F7597}"/>
                </a:ext>
              </a:extLst>
            </p:cNvPr>
            <p:cNvSpPr/>
            <p:nvPr/>
          </p:nvSpPr>
          <p:spPr>
            <a:xfrm>
              <a:off x="4600940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7" name="Freihandform 416">
              <a:extLst>
                <a:ext uri="{FF2B5EF4-FFF2-40B4-BE49-F238E27FC236}">
                  <a16:creationId xmlns:a16="http://schemas.microsoft.com/office/drawing/2014/main" id="{B0158E0F-96FD-6656-361C-A4128D39BE64}"/>
                </a:ext>
              </a:extLst>
            </p:cNvPr>
            <p:cNvSpPr/>
            <p:nvPr/>
          </p:nvSpPr>
          <p:spPr>
            <a:xfrm>
              <a:off x="4774296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8" name="Freihandform 417">
              <a:extLst>
                <a:ext uri="{FF2B5EF4-FFF2-40B4-BE49-F238E27FC236}">
                  <a16:creationId xmlns:a16="http://schemas.microsoft.com/office/drawing/2014/main" id="{94FAFB90-7DE5-9A60-1A06-C4D8A171F4D5}"/>
                </a:ext>
              </a:extLst>
            </p:cNvPr>
            <p:cNvSpPr/>
            <p:nvPr/>
          </p:nvSpPr>
          <p:spPr>
            <a:xfrm>
              <a:off x="4947604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19" name="Freihandform 418">
              <a:extLst>
                <a:ext uri="{FF2B5EF4-FFF2-40B4-BE49-F238E27FC236}">
                  <a16:creationId xmlns:a16="http://schemas.microsoft.com/office/drawing/2014/main" id="{2B0AC57D-BEB4-A1D9-F516-650BDFFA228A}"/>
                </a:ext>
              </a:extLst>
            </p:cNvPr>
            <p:cNvSpPr/>
            <p:nvPr/>
          </p:nvSpPr>
          <p:spPr>
            <a:xfrm>
              <a:off x="3734255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0" name="Freihandform 419">
              <a:extLst>
                <a:ext uri="{FF2B5EF4-FFF2-40B4-BE49-F238E27FC236}">
                  <a16:creationId xmlns:a16="http://schemas.microsoft.com/office/drawing/2014/main" id="{B9AC8D8E-7511-A5FA-7ADC-3C7998966370}"/>
                </a:ext>
              </a:extLst>
            </p:cNvPr>
            <p:cNvSpPr/>
            <p:nvPr/>
          </p:nvSpPr>
          <p:spPr>
            <a:xfrm>
              <a:off x="3907611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1" name="Freihandform 420">
              <a:extLst>
                <a:ext uri="{FF2B5EF4-FFF2-40B4-BE49-F238E27FC236}">
                  <a16:creationId xmlns:a16="http://schemas.microsoft.com/office/drawing/2014/main" id="{AC5544A4-DC4D-5B03-9FDE-28205DCD1AF9}"/>
                </a:ext>
              </a:extLst>
            </p:cNvPr>
            <p:cNvSpPr/>
            <p:nvPr/>
          </p:nvSpPr>
          <p:spPr>
            <a:xfrm>
              <a:off x="4080920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2" name="Freihandform 421">
              <a:extLst>
                <a:ext uri="{FF2B5EF4-FFF2-40B4-BE49-F238E27FC236}">
                  <a16:creationId xmlns:a16="http://schemas.microsoft.com/office/drawing/2014/main" id="{3B55B3CD-56E2-30B4-9AB3-B0AAF2396366}"/>
                </a:ext>
              </a:extLst>
            </p:cNvPr>
            <p:cNvSpPr/>
            <p:nvPr/>
          </p:nvSpPr>
          <p:spPr>
            <a:xfrm>
              <a:off x="4254275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3" name="Freihandform 422">
              <a:extLst>
                <a:ext uri="{FF2B5EF4-FFF2-40B4-BE49-F238E27FC236}">
                  <a16:creationId xmlns:a16="http://schemas.microsoft.com/office/drawing/2014/main" id="{23CB6AD8-52DD-D4F9-650C-F2287E4500EA}"/>
                </a:ext>
              </a:extLst>
            </p:cNvPr>
            <p:cNvSpPr/>
            <p:nvPr/>
          </p:nvSpPr>
          <p:spPr>
            <a:xfrm>
              <a:off x="4427584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4" name="Freihandform 423">
              <a:extLst>
                <a:ext uri="{FF2B5EF4-FFF2-40B4-BE49-F238E27FC236}">
                  <a16:creationId xmlns:a16="http://schemas.microsoft.com/office/drawing/2014/main" id="{F031F57E-2FC0-540F-DB84-DA22F3839E1F}"/>
                </a:ext>
              </a:extLst>
            </p:cNvPr>
            <p:cNvSpPr/>
            <p:nvPr/>
          </p:nvSpPr>
          <p:spPr>
            <a:xfrm>
              <a:off x="4600940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5" name="Freihandform 424">
              <a:extLst>
                <a:ext uri="{FF2B5EF4-FFF2-40B4-BE49-F238E27FC236}">
                  <a16:creationId xmlns:a16="http://schemas.microsoft.com/office/drawing/2014/main" id="{2959D601-19A1-4AFA-5539-4264E95561F8}"/>
                </a:ext>
              </a:extLst>
            </p:cNvPr>
            <p:cNvSpPr/>
            <p:nvPr/>
          </p:nvSpPr>
          <p:spPr>
            <a:xfrm>
              <a:off x="4774296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6" name="Freihandform 425">
              <a:extLst>
                <a:ext uri="{FF2B5EF4-FFF2-40B4-BE49-F238E27FC236}">
                  <a16:creationId xmlns:a16="http://schemas.microsoft.com/office/drawing/2014/main" id="{70FEF2EB-C8E0-2332-9761-1121BA91C1DE}"/>
                </a:ext>
              </a:extLst>
            </p:cNvPr>
            <p:cNvSpPr/>
            <p:nvPr/>
          </p:nvSpPr>
          <p:spPr>
            <a:xfrm>
              <a:off x="4947604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7" name="Freihandform 426">
              <a:extLst>
                <a:ext uri="{FF2B5EF4-FFF2-40B4-BE49-F238E27FC236}">
                  <a16:creationId xmlns:a16="http://schemas.microsoft.com/office/drawing/2014/main" id="{205E74DD-ACB8-1AC2-A8C9-6018E2F14D94}"/>
                </a:ext>
              </a:extLst>
            </p:cNvPr>
            <p:cNvSpPr/>
            <p:nvPr/>
          </p:nvSpPr>
          <p:spPr>
            <a:xfrm>
              <a:off x="3560899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8" name="Freihandform 427">
              <a:extLst>
                <a:ext uri="{FF2B5EF4-FFF2-40B4-BE49-F238E27FC236}">
                  <a16:creationId xmlns:a16="http://schemas.microsoft.com/office/drawing/2014/main" id="{BE5F7828-BB49-E270-55C6-7763DD719C3E}"/>
                </a:ext>
              </a:extLst>
            </p:cNvPr>
            <p:cNvSpPr/>
            <p:nvPr/>
          </p:nvSpPr>
          <p:spPr>
            <a:xfrm>
              <a:off x="3734255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29" name="Freihandform 428">
              <a:extLst>
                <a:ext uri="{FF2B5EF4-FFF2-40B4-BE49-F238E27FC236}">
                  <a16:creationId xmlns:a16="http://schemas.microsoft.com/office/drawing/2014/main" id="{FE09FFBC-6896-8E51-5658-D3B195175188}"/>
                </a:ext>
              </a:extLst>
            </p:cNvPr>
            <p:cNvSpPr/>
            <p:nvPr/>
          </p:nvSpPr>
          <p:spPr>
            <a:xfrm>
              <a:off x="3907611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0" name="Freihandform 429">
              <a:extLst>
                <a:ext uri="{FF2B5EF4-FFF2-40B4-BE49-F238E27FC236}">
                  <a16:creationId xmlns:a16="http://schemas.microsoft.com/office/drawing/2014/main" id="{5C8363DC-53CC-DABB-CA35-135B75083B61}"/>
                </a:ext>
              </a:extLst>
            </p:cNvPr>
            <p:cNvSpPr/>
            <p:nvPr/>
          </p:nvSpPr>
          <p:spPr>
            <a:xfrm>
              <a:off x="4080920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1" name="Freihandform 430">
              <a:extLst>
                <a:ext uri="{FF2B5EF4-FFF2-40B4-BE49-F238E27FC236}">
                  <a16:creationId xmlns:a16="http://schemas.microsoft.com/office/drawing/2014/main" id="{73B4D23A-1DDB-1314-89C2-E7E464239B33}"/>
                </a:ext>
              </a:extLst>
            </p:cNvPr>
            <p:cNvSpPr/>
            <p:nvPr/>
          </p:nvSpPr>
          <p:spPr>
            <a:xfrm>
              <a:off x="3560899" y="450927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2" name="Freihandform 431">
              <a:extLst>
                <a:ext uri="{FF2B5EF4-FFF2-40B4-BE49-F238E27FC236}">
                  <a16:creationId xmlns:a16="http://schemas.microsoft.com/office/drawing/2014/main" id="{1B7976E5-5361-FE81-B450-7B9A99D43464}"/>
                </a:ext>
              </a:extLst>
            </p:cNvPr>
            <p:cNvSpPr/>
            <p:nvPr/>
          </p:nvSpPr>
          <p:spPr>
            <a:xfrm>
              <a:off x="3734255" y="450927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3" name="Freihandform 432">
              <a:extLst>
                <a:ext uri="{FF2B5EF4-FFF2-40B4-BE49-F238E27FC236}">
                  <a16:creationId xmlns:a16="http://schemas.microsoft.com/office/drawing/2014/main" id="{65ED26D4-EE71-2EC2-D220-E6EE8DA410AD}"/>
                </a:ext>
              </a:extLst>
            </p:cNvPr>
            <p:cNvSpPr/>
            <p:nvPr/>
          </p:nvSpPr>
          <p:spPr>
            <a:xfrm>
              <a:off x="3907611" y="450927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4" name="Freihandform 433">
              <a:extLst>
                <a:ext uri="{FF2B5EF4-FFF2-40B4-BE49-F238E27FC236}">
                  <a16:creationId xmlns:a16="http://schemas.microsoft.com/office/drawing/2014/main" id="{F1989FBE-DB71-10E5-9D7B-76BE6288F01E}"/>
                </a:ext>
              </a:extLst>
            </p:cNvPr>
            <p:cNvSpPr/>
            <p:nvPr/>
          </p:nvSpPr>
          <p:spPr>
            <a:xfrm>
              <a:off x="4080920" y="450927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5" name="Freihandform 434">
              <a:extLst>
                <a:ext uri="{FF2B5EF4-FFF2-40B4-BE49-F238E27FC236}">
                  <a16:creationId xmlns:a16="http://schemas.microsoft.com/office/drawing/2014/main" id="{241E710E-5D33-627F-75C5-8FEA6D1E1533}"/>
                </a:ext>
              </a:extLst>
            </p:cNvPr>
            <p:cNvSpPr/>
            <p:nvPr/>
          </p:nvSpPr>
          <p:spPr>
            <a:xfrm>
              <a:off x="3560899" y="468272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6" name="Freihandform 435">
              <a:extLst>
                <a:ext uri="{FF2B5EF4-FFF2-40B4-BE49-F238E27FC236}">
                  <a16:creationId xmlns:a16="http://schemas.microsoft.com/office/drawing/2014/main" id="{3A0FE2E6-C79E-609D-CCBD-F950E92E0539}"/>
                </a:ext>
              </a:extLst>
            </p:cNvPr>
            <p:cNvSpPr/>
            <p:nvPr/>
          </p:nvSpPr>
          <p:spPr>
            <a:xfrm>
              <a:off x="3734255" y="468272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7" name="Freihandform 436">
              <a:extLst>
                <a:ext uri="{FF2B5EF4-FFF2-40B4-BE49-F238E27FC236}">
                  <a16:creationId xmlns:a16="http://schemas.microsoft.com/office/drawing/2014/main" id="{81EE584C-562A-3A85-BB26-A12DB2D6BFA2}"/>
                </a:ext>
              </a:extLst>
            </p:cNvPr>
            <p:cNvSpPr/>
            <p:nvPr/>
          </p:nvSpPr>
          <p:spPr>
            <a:xfrm>
              <a:off x="3907611" y="468272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8" name="Freihandform 437">
              <a:extLst>
                <a:ext uri="{FF2B5EF4-FFF2-40B4-BE49-F238E27FC236}">
                  <a16:creationId xmlns:a16="http://schemas.microsoft.com/office/drawing/2014/main" id="{DAD279F2-B26A-FFA7-DF50-58756B7B4484}"/>
                </a:ext>
              </a:extLst>
            </p:cNvPr>
            <p:cNvSpPr/>
            <p:nvPr/>
          </p:nvSpPr>
          <p:spPr>
            <a:xfrm>
              <a:off x="4080920" y="468272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39" name="Freihandform 438">
              <a:extLst>
                <a:ext uri="{FF2B5EF4-FFF2-40B4-BE49-F238E27FC236}">
                  <a16:creationId xmlns:a16="http://schemas.microsoft.com/office/drawing/2014/main" id="{9C0D2223-C3BF-5759-D2B3-1CCE1EB82849}"/>
                </a:ext>
              </a:extLst>
            </p:cNvPr>
            <p:cNvSpPr/>
            <p:nvPr/>
          </p:nvSpPr>
          <p:spPr>
            <a:xfrm>
              <a:off x="4254275" y="468272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0" name="Freihandform 439">
              <a:extLst>
                <a:ext uri="{FF2B5EF4-FFF2-40B4-BE49-F238E27FC236}">
                  <a16:creationId xmlns:a16="http://schemas.microsoft.com/office/drawing/2014/main" id="{D1FE73EF-FFD8-745C-A4F5-2951CC3AA1A2}"/>
                </a:ext>
              </a:extLst>
            </p:cNvPr>
            <p:cNvSpPr/>
            <p:nvPr/>
          </p:nvSpPr>
          <p:spPr>
            <a:xfrm>
              <a:off x="3560899" y="485613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6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1" name="Freihandform 440">
              <a:extLst>
                <a:ext uri="{FF2B5EF4-FFF2-40B4-BE49-F238E27FC236}">
                  <a16:creationId xmlns:a16="http://schemas.microsoft.com/office/drawing/2014/main" id="{5A69405E-D308-AC35-362A-5D73EA7870A0}"/>
                </a:ext>
              </a:extLst>
            </p:cNvPr>
            <p:cNvSpPr/>
            <p:nvPr/>
          </p:nvSpPr>
          <p:spPr>
            <a:xfrm>
              <a:off x="3734255" y="485613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6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2" name="Freihandform 441">
              <a:extLst>
                <a:ext uri="{FF2B5EF4-FFF2-40B4-BE49-F238E27FC236}">
                  <a16:creationId xmlns:a16="http://schemas.microsoft.com/office/drawing/2014/main" id="{D08A8872-539A-F3B1-ECA9-E7900EC9260D}"/>
                </a:ext>
              </a:extLst>
            </p:cNvPr>
            <p:cNvSpPr/>
            <p:nvPr/>
          </p:nvSpPr>
          <p:spPr>
            <a:xfrm>
              <a:off x="3907611" y="485613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6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3" name="Freihandform 442">
              <a:extLst>
                <a:ext uri="{FF2B5EF4-FFF2-40B4-BE49-F238E27FC236}">
                  <a16:creationId xmlns:a16="http://schemas.microsoft.com/office/drawing/2014/main" id="{64033FD1-F3E6-6BCC-E1E6-98F9CD45FA75}"/>
                </a:ext>
              </a:extLst>
            </p:cNvPr>
            <p:cNvSpPr/>
            <p:nvPr/>
          </p:nvSpPr>
          <p:spPr>
            <a:xfrm>
              <a:off x="4080920" y="485613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6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4" name="Freihandform 443">
              <a:extLst>
                <a:ext uri="{FF2B5EF4-FFF2-40B4-BE49-F238E27FC236}">
                  <a16:creationId xmlns:a16="http://schemas.microsoft.com/office/drawing/2014/main" id="{08B50A25-4740-2AAD-12C1-EDD3E04DA636}"/>
                </a:ext>
              </a:extLst>
            </p:cNvPr>
            <p:cNvSpPr/>
            <p:nvPr/>
          </p:nvSpPr>
          <p:spPr>
            <a:xfrm>
              <a:off x="4254275" y="4856130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6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5" name="Freihandform 444">
              <a:extLst>
                <a:ext uri="{FF2B5EF4-FFF2-40B4-BE49-F238E27FC236}">
                  <a16:creationId xmlns:a16="http://schemas.microsoft.com/office/drawing/2014/main" id="{69B4711D-0C8D-73A8-90D2-0ABF9074041C}"/>
                </a:ext>
              </a:extLst>
            </p:cNvPr>
            <p:cNvSpPr/>
            <p:nvPr/>
          </p:nvSpPr>
          <p:spPr>
            <a:xfrm>
              <a:off x="3734255" y="502958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6" name="Freihandform 445">
              <a:extLst>
                <a:ext uri="{FF2B5EF4-FFF2-40B4-BE49-F238E27FC236}">
                  <a16:creationId xmlns:a16="http://schemas.microsoft.com/office/drawing/2014/main" id="{02C95C9E-F391-1923-3DB5-19DEF2176420}"/>
                </a:ext>
              </a:extLst>
            </p:cNvPr>
            <p:cNvSpPr/>
            <p:nvPr/>
          </p:nvSpPr>
          <p:spPr>
            <a:xfrm>
              <a:off x="3907611" y="502958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7" name="Freihandform 446">
              <a:extLst>
                <a:ext uri="{FF2B5EF4-FFF2-40B4-BE49-F238E27FC236}">
                  <a16:creationId xmlns:a16="http://schemas.microsoft.com/office/drawing/2014/main" id="{6EB5E59B-46F7-AF4E-B7E0-C8E580DAEB6E}"/>
                </a:ext>
              </a:extLst>
            </p:cNvPr>
            <p:cNvSpPr/>
            <p:nvPr/>
          </p:nvSpPr>
          <p:spPr>
            <a:xfrm>
              <a:off x="4080920" y="502958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8" name="Freihandform 447">
              <a:extLst>
                <a:ext uri="{FF2B5EF4-FFF2-40B4-BE49-F238E27FC236}">
                  <a16:creationId xmlns:a16="http://schemas.microsoft.com/office/drawing/2014/main" id="{1657B39A-D630-A11B-9B24-E6A4B8BE5531}"/>
                </a:ext>
              </a:extLst>
            </p:cNvPr>
            <p:cNvSpPr/>
            <p:nvPr/>
          </p:nvSpPr>
          <p:spPr>
            <a:xfrm>
              <a:off x="5120960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49" name="Freihandform 448">
              <a:extLst>
                <a:ext uri="{FF2B5EF4-FFF2-40B4-BE49-F238E27FC236}">
                  <a16:creationId xmlns:a16="http://schemas.microsoft.com/office/drawing/2014/main" id="{49D222C6-084B-507D-61E5-5E669FC7D5EF}"/>
                </a:ext>
              </a:extLst>
            </p:cNvPr>
            <p:cNvSpPr/>
            <p:nvPr/>
          </p:nvSpPr>
          <p:spPr>
            <a:xfrm>
              <a:off x="5294316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0" name="Freihandform 449">
              <a:extLst>
                <a:ext uri="{FF2B5EF4-FFF2-40B4-BE49-F238E27FC236}">
                  <a16:creationId xmlns:a16="http://schemas.microsoft.com/office/drawing/2014/main" id="{67BA0FEF-5B1C-980A-C1F8-6EBC6526EBAB}"/>
                </a:ext>
              </a:extLst>
            </p:cNvPr>
            <p:cNvSpPr/>
            <p:nvPr/>
          </p:nvSpPr>
          <p:spPr>
            <a:xfrm>
              <a:off x="4947604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1" name="Freihandform 450">
              <a:extLst>
                <a:ext uri="{FF2B5EF4-FFF2-40B4-BE49-F238E27FC236}">
                  <a16:creationId xmlns:a16="http://schemas.microsoft.com/office/drawing/2014/main" id="{36741E0C-946E-46F5-5DC6-2997C4897961}"/>
                </a:ext>
              </a:extLst>
            </p:cNvPr>
            <p:cNvSpPr/>
            <p:nvPr/>
          </p:nvSpPr>
          <p:spPr>
            <a:xfrm>
              <a:off x="5120960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2" name="Freihandform 451">
              <a:extLst>
                <a:ext uri="{FF2B5EF4-FFF2-40B4-BE49-F238E27FC236}">
                  <a16:creationId xmlns:a16="http://schemas.microsoft.com/office/drawing/2014/main" id="{5AA47F23-3201-F65F-9F69-4F1DE8C626F7}"/>
                </a:ext>
              </a:extLst>
            </p:cNvPr>
            <p:cNvSpPr/>
            <p:nvPr/>
          </p:nvSpPr>
          <p:spPr>
            <a:xfrm>
              <a:off x="5294316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3" name="Freihandform 452">
              <a:extLst>
                <a:ext uri="{FF2B5EF4-FFF2-40B4-BE49-F238E27FC236}">
                  <a16:creationId xmlns:a16="http://schemas.microsoft.com/office/drawing/2014/main" id="{D5B25940-2EB6-928C-D375-C31893830FCB}"/>
                </a:ext>
              </a:extLst>
            </p:cNvPr>
            <p:cNvSpPr/>
            <p:nvPr/>
          </p:nvSpPr>
          <p:spPr>
            <a:xfrm>
              <a:off x="4947604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4" name="Freihandform 453">
              <a:extLst>
                <a:ext uri="{FF2B5EF4-FFF2-40B4-BE49-F238E27FC236}">
                  <a16:creationId xmlns:a16="http://schemas.microsoft.com/office/drawing/2014/main" id="{FF868A16-1BF6-0B63-A317-C99B3D01D2A2}"/>
                </a:ext>
              </a:extLst>
            </p:cNvPr>
            <p:cNvSpPr/>
            <p:nvPr/>
          </p:nvSpPr>
          <p:spPr>
            <a:xfrm>
              <a:off x="5120960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5" name="Freihandform 454">
              <a:extLst>
                <a:ext uri="{FF2B5EF4-FFF2-40B4-BE49-F238E27FC236}">
                  <a16:creationId xmlns:a16="http://schemas.microsoft.com/office/drawing/2014/main" id="{F49A1208-AB54-E946-7075-A71D28CAE21D}"/>
                </a:ext>
              </a:extLst>
            </p:cNvPr>
            <p:cNvSpPr/>
            <p:nvPr/>
          </p:nvSpPr>
          <p:spPr>
            <a:xfrm>
              <a:off x="5294316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6" name="Freihandform 455">
              <a:extLst>
                <a:ext uri="{FF2B5EF4-FFF2-40B4-BE49-F238E27FC236}">
                  <a16:creationId xmlns:a16="http://schemas.microsoft.com/office/drawing/2014/main" id="{736DD9BA-85BF-B98E-8377-E18E31858F66}"/>
                </a:ext>
              </a:extLst>
            </p:cNvPr>
            <p:cNvSpPr/>
            <p:nvPr/>
          </p:nvSpPr>
          <p:spPr>
            <a:xfrm>
              <a:off x="5467624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7" name="Freihandform 456">
              <a:extLst>
                <a:ext uri="{FF2B5EF4-FFF2-40B4-BE49-F238E27FC236}">
                  <a16:creationId xmlns:a16="http://schemas.microsoft.com/office/drawing/2014/main" id="{2A4C1E4E-305A-77FE-05BC-9E6640C1B9E5}"/>
                </a:ext>
              </a:extLst>
            </p:cNvPr>
            <p:cNvSpPr/>
            <p:nvPr/>
          </p:nvSpPr>
          <p:spPr>
            <a:xfrm>
              <a:off x="5640980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8" name="Freihandform 457">
              <a:extLst>
                <a:ext uri="{FF2B5EF4-FFF2-40B4-BE49-F238E27FC236}">
                  <a16:creationId xmlns:a16="http://schemas.microsoft.com/office/drawing/2014/main" id="{0B33FC4E-3BFD-DF62-17D8-5FBED53A3A86}"/>
                </a:ext>
              </a:extLst>
            </p:cNvPr>
            <p:cNvSpPr/>
            <p:nvPr/>
          </p:nvSpPr>
          <p:spPr>
            <a:xfrm>
              <a:off x="4947604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59" name="Freihandform 458">
              <a:extLst>
                <a:ext uri="{FF2B5EF4-FFF2-40B4-BE49-F238E27FC236}">
                  <a16:creationId xmlns:a16="http://schemas.microsoft.com/office/drawing/2014/main" id="{0EA2F622-3AB6-87FF-24F5-F7B54B77CB07}"/>
                </a:ext>
              </a:extLst>
            </p:cNvPr>
            <p:cNvSpPr/>
            <p:nvPr/>
          </p:nvSpPr>
          <p:spPr>
            <a:xfrm>
              <a:off x="5120960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0" name="Freihandform 459">
              <a:extLst>
                <a:ext uri="{FF2B5EF4-FFF2-40B4-BE49-F238E27FC236}">
                  <a16:creationId xmlns:a16="http://schemas.microsoft.com/office/drawing/2014/main" id="{5FE0F9AC-6676-6B59-0292-F385D6CC1360}"/>
                </a:ext>
              </a:extLst>
            </p:cNvPr>
            <p:cNvSpPr/>
            <p:nvPr/>
          </p:nvSpPr>
          <p:spPr>
            <a:xfrm>
              <a:off x="5294316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1" name="Freihandform 460">
              <a:extLst>
                <a:ext uri="{FF2B5EF4-FFF2-40B4-BE49-F238E27FC236}">
                  <a16:creationId xmlns:a16="http://schemas.microsoft.com/office/drawing/2014/main" id="{9EA53930-C68B-76D3-B12D-61094565BB5D}"/>
                </a:ext>
              </a:extLst>
            </p:cNvPr>
            <p:cNvSpPr/>
            <p:nvPr/>
          </p:nvSpPr>
          <p:spPr>
            <a:xfrm>
              <a:off x="5467624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2" name="Freihandform 461">
              <a:extLst>
                <a:ext uri="{FF2B5EF4-FFF2-40B4-BE49-F238E27FC236}">
                  <a16:creationId xmlns:a16="http://schemas.microsoft.com/office/drawing/2014/main" id="{C7554F3A-A9D3-9CDF-861A-52B4854B80CF}"/>
                </a:ext>
              </a:extLst>
            </p:cNvPr>
            <p:cNvSpPr/>
            <p:nvPr/>
          </p:nvSpPr>
          <p:spPr>
            <a:xfrm>
              <a:off x="5640980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3" name="Freihandform 462">
              <a:extLst>
                <a:ext uri="{FF2B5EF4-FFF2-40B4-BE49-F238E27FC236}">
                  <a16:creationId xmlns:a16="http://schemas.microsoft.com/office/drawing/2014/main" id="{F77D21B8-EAE8-EFFD-36C7-277B0A3BD0DD}"/>
                </a:ext>
              </a:extLst>
            </p:cNvPr>
            <p:cNvSpPr/>
            <p:nvPr/>
          </p:nvSpPr>
          <p:spPr>
            <a:xfrm>
              <a:off x="4947604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4" name="Freihandform 463">
              <a:extLst>
                <a:ext uri="{FF2B5EF4-FFF2-40B4-BE49-F238E27FC236}">
                  <a16:creationId xmlns:a16="http://schemas.microsoft.com/office/drawing/2014/main" id="{CA44BAA3-E505-73C8-5029-381DF7583F22}"/>
                </a:ext>
              </a:extLst>
            </p:cNvPr>
            <p:cNvSpPr/>
            <p:nvPr/>
          </p:nvSpPr>
          <p:spPr>
            <a:xfrm>
              <a:off x="5120960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5" name="Freihandform 464">
              <a:extLst>
                <a:ext uri="{FF2B5EF4-FFF2-40B4-BE49-F238E27FC236}">
                  <a16:creationId xmlns:a16="http://schemas.microsoft.com/office/drawing/2014/main" id="{AB621D67-84D7-1DBA-9989-FA1411C79388}"/>
                </a:ext>
              </a:extLst>
            </p:cNvPr>
            <p:cNvSpPr/>
            <p:nvPr/>
          </p:nvSpPr>
          <p:spPr>
            <a:xfrm>
              <a:off x="5294316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6" name="Freihandform 465">
              <a:extLst>
                <a:ext uri="{FF2B5EF4-FFF2-40B4-BE49-F238E27FC236}">
                  <a16:creationId xmlns:a16="http://schemas.microsoft.com/office/drawing/2014/main" id="{4E6AB147-4A49-0848-9201-DC0D4D537594}"/>
                </a:ext>
              </a:extLst>
            </p:cNvPr>
            <p:cNvSpPr/>
            <p:nvPr/>
          </p:nvSpPr>
          <p:spPr>
            <a:xfrm>
              <a:off x="5467624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7" name="Freihandform 466">
              <a:extLst>
                <a:ext uri="{FF2B5EF4-FFF2-40B4-BE49-F238E27FC236}">
                  <a16:creationId xmlns:a16="http://schemas.microsoft.com/office/drawing/2014/main" id="{C64E2783-04EE-0CB8-6D50-FEF3D779F953}"/>
                </a:ext>
              </a:extLst>
            </p:cNvPr>
            <p:cNvSpPr/>
            <p:nvPr/>
          </p:nvSpPr>
          <p:spPr>
            <a:xfrm>
              <a:off x="5640980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8" name="Freihandform 467">
              <a:extLst>
                <a:ext uri="{FF2B5EF4-FFF2-40B4-BE49-F238E27FC236}">
                  <a16:creationId xmlns:a16="http://schemas.microsoft.com/office/drawing/2014/main" id="{EFA05BF8-795E-D72C-4367-B5EC48C4B71A}"/>
                </a:ext>
              </a:extLst>
            </p:cNvPr>
            <p:cNvSpPr/>
            <p:nvPr/>
          </p:nvSpPr>
          <p:spPr>
            <a:xfrm>
              <a:off x="5814336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69" name="Freihandform 468">
              <a:extLst>
                <a:ext uri="{FF2B5EF4-FFF2-40B4-BE49-F238E27FC236}">
                  <a16:creationId xmlns:a16="http://schemas.microsoft.com/office/drawing/2014/main" id="{305A4350-B2A6-9433-8EE6-FB78471164DD}"/>
                </a:ext>
              </a:extLst>
            </p:cNvPr>
            <p:cNvSpPr/>
            <p:nvPr/>
          </p:nvSpPr>
          <p:spPr>
            <a:xfrm>
              <a:off x="5294316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0" name="Freihandform 469">
              <a:extLst>
                <a:ext uri="{FF2B5EF4-FFF2-40B4-BE49-F238E27FC236}">
                  <a16:creationId xmlns:a16="http://schemas.microsoft.com/office/drawing/2014/main" id="{676CD4AF-B1D2-55F1-03CE-80D0C1D77AED}"/>
                </a:ext>
              </a:extLst>
            </p:cNvPr>
            <p:cNvSpPr/>
            <p:nvPr/>
          </p:nvSpPr>
          <p:spPr>
            <a:xfrm>
              <a:off x="5467624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1" name="Freihandform 470">
              <a:extLst>
                <a:ext uri="{FF2B5EF4-FFF2-40B4-BE49-F238E27FC236}">
                  <a16:creationId xmlns:a16="http://schemas.microsoft.com/office/drawing/2014/main" id="{48D7D1AF-E560-2750-FC1A-A749A5B00E85}"/>
                </a:ext>
              </a:extLst>
            </p:cNvPr>
            <p:cNvSpPr/>
            <p:nvPr/>
          </p:nvSpPr>
          <p:spPr>
            <a:xfrm>
              <a:off x="5640980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2" name="Freihandform 471">
              <a:extLst>
                <a:ext uri="{FF2B5EF4-FFF2-40B4-BE49-F238E27FC236}">
                  <a16:creationId xmlns:a16="http://schemas.microsoft.com/office/drawing/2014/main" id="{A02787BE-EBD4-C1BB-2E9B-384428B7B9A1}"/>
                </a:ext>
              </a:extLst>
            </p:cNvPr>
            <p:cNvSpPr/>
            <p:nvPr/>
          </p:nvSpPr>
          <p:spPr>
            <a:xfrm>
              <a:off x="5814336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3" name="Freihandform 472">
              <a:extLst>
                <a:ext uri="{FF2B5EF4-FFF2-40B4-BE49-F238E27FC236}">
                  <a16:creationId xmlns:a16="http://schemas.microsoft.com/office/drawing/2014/main" id="{5413C538-820A-14B8-D2EB-BE83F7D0DBB6}"/>
                </a:ext>
              </a:extLst>
            </p:cNvPr>
            <p:cNvSpPr/>
            <p:nvPr/>
          </p:nvSpPr>
          <p:spPr>
            <a:xfrm>
              <a:off x="5120960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4" name="Freihandform 473">
              <a:extLst>
                <a:ext uri="{FF2B5EF4-FFF2-40B4-BE49-F238E27FC236}">
                  <a16:creationId xmlns:a16="http://schemas.microsoft.com/office/drawing/2014/main" id="{220D0FF2-B388-C273-47C8-1B48038A2DF7}"/>
                </a:ext>
              </a:extLst>
            </p:cNvPr>
            <p:cNvSpPr/>
            <p:nvPr/>
          </p:nvSpPr>
          <p:spPr>
            <a:xfrm>
              <a:off x="5294316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5" name="Freihandform 474">
              <a:extLst>
                <a:ext uri="{FF2B5EF4-FFF2-40B4-BE49-F238E27FC236}">
                  <a16:creationId xmlns:a16="http://schemas.microsoft.com/office/drawing/2014/main" id="{AE472A1C-E719-36FB-9DE0-B703848FF25E}"/>
                </a:ext>
              </a:extLst>
            </p:cNvPr>
            <p:cNvSpPr/>
            <p:nvPr/>
          </p:nvSpPr>
          <p:spPr>
            <a:xfrm>
              <a:off x="5467624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6" name="Freihandform 475">
              <a:extLst>
                <a:ext uri="{FF2B5EF4-FFF2-40B4-BE49-F238E27FC236}">
                  <a16:creationId xmlns:a16="http://schemas.microsoft.com/office/drawing/2014/main" id="{C7C79F75-FA38-8324-2DE3-764019BA2473}"/>
                </a:ext>
              </a:extLst>
            </p:cNvPr>
            <p:cNvSpPr/>
            <p:nvPr/>
          </p:nvSpPr>
          <p:spPr>
            <a:xfrm>
              <a:off x="5640980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7" name="Freihandform 476">
              <a:extLst>
                <a:ext uri="{FF2B5EF4-FFF2-40B4-BE49-F238E27FC236}">
                  <a16:creationId xmlns:a16="http://schemas.microsoft.com/office/drawing/2014/main" id="{AEDE0142-1024-8905-583E-AB339E4CE887}"/>
                </a:ext>
              </a:extLst>
            </p:cNvPr>
            <p:cNvSpPr/>
            <p:nvPr/>
          </p:nvSpPr>
          <p:spPr>
            <a:xfrm>
              <a:off x="5814336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8" name="Freihandform 477">
              <a:extLst>
                <a:ext uri="{FF2B5EF4-FFF2-40B4-BE49-F238E27FC236}">
                  <a16:creationId xmlns:a16="http://schemas.microsoft.com/office/drawing/2014/main" id="{FB116699-8DE7-8801-68EA-38E024816C76}"/>
                </a:ext>
              </a:extLst>
            </p:cNvPr>
            <p:cNvSpPr/>
            <p:nvPr/>
          </p:nvSpPr>
          <p:spPr>
            <a:xfrm>
              <a:off x="5987644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79" name="Freihandform 478">
              <a:extLst>
                <a:ext uri="{FF2B5EF4-FFF2-40B4-BE49-F238E27FC236}">
                  <a16:creationId xmlns:a16="http://schemas.microsoft.com/office/drawing/2014/main" id="{49519FB2-9AA1-7B4A-2406-9D9AF21B57C9}"/>
                </a:ext>
              </a:extLst>
            </p:cNvPr>
            <p:cNvSpPr/>
            <p:nvPr/>
          </p:nvSpPr>
          <p:spPr>
            <a:xfrm>
              <a:off x="5120960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0" name="Freihandform 479">
              <a:extLst>
                <a:ext uri="{FF2B5EF4-FFF2-40B4-BE49-F238E27FC236}">
                  <a16:creationId xmlns:a16="http://schemas.microsoft.com/office/drawing/2014/main" id="{BA7B0FCF-F3B1-0847-7EF3-2D5D14B23AE3}"/>
                </a:ext>
              </a:extLst>
            </p:cNvPr>
            <p:cNvSpPr/>
            <p:nvPr/>
          </p:nvSpPr>
          <p:spPr>
            <a:xfrm>
              <a:off x="5294316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1" name="Freihandform 480">
              <a:extLst>
                <a:ext uri="{FF2B5EF4-FFF2-40B4-BE49-F238E27FC236}">
                  <a16:creationId xmlns:a16="http://schemas.microsoft.com/office/drawing/2014/main" id="{50AEC95A-36EC-319E-983E-A0329084172D}"/>
                </a:ext>
              </a:extLst>
            </p:cNvPr>
            <p:cNvSpPr/>
            <p:nvPr/>
          </p:nvSpPr>
          <p:spPr>
            <a:xfrm>
              <a:off x="5467624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2" name="Freihandform 481">
              <a:extLst>
                <a:ext uri="{FF2B5EF4-FFF2-40B4-BE49-F238E27FC236}">
                  <a16:creationId xmlns:a16="http://schemas.microsoft.com/office/drawing/2014/main" id="{2DB22248-7AAA-93E1-D81D-CCAC61080332}"/>
                </a:ext>
              </a:extLst>
            </p:cNvPr>
            <p:cNvSpPr/>
            <p:nvPr/>
          </p:nvSpPr>
          <p:spPr>
            <a:xfrm>
              <a:off x="5640980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3" name="Freihandform 482">
              <a:extLst>
                <a:ext uri="{FF2B5EF4-FFF2-40B4-BE49-F238E27FC236}">
                  <a16:creationId xmlns:a16="http://schemas.microsoft.com/office/drawing/2014/main" id="{3C856E18-B2F9-900F-68F1-365C50AC10C7}"/>
                </a:ext>
              </a:extLst>
            </p:cNvPr>
            <p:cNvSpPr/>
            <p:nvPr/>
          </p:nvSpPr>
          <p:spPr>
            <a:xfrm>
              <a:off x="5814336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4" name="Freihandform 483">
              <a:extLst>
                <a:ext uri="{FF2B5EF4-FFF2-40B4-BE49-F238E27FC236}">
                  <a16:creationId xmlns:a16="http://schemas.microsoft.com/office/drawing/2014/main" id="{030C9CA8-0416-F28C-23AD-A8F10C8F477E}"/>
                </a:ext>
              </a:extLst>
            </p:cNvPr>
            <p:cNvSpPr/>
            <p:nvPr/>
          </p:nvSpPr>
          <p:spPr>
            <a:xfrm>
              <a:off x="5987644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5" name="Freihandform 484">
              <a:extLst>
                <a:ext uri="{FF2B5EF4-FFF2-40B4-BE49-F238E27FC236}">
                  <a16:creationId xmlns:a16="http://schemas.microsoft.com/office/drawing/2014/main" id="{DD9B741C-3723-D073-2C3D-6FAD38B4BCDA}"/>
                </a:ext>
              </a:extLst>
            </p:cNvPr>
            <p:cNvSpPr/>
            <p:nvPr/>
          </p:nvSpPr>
          <p:spPr>
            <a:xfrm>
              <a:off x="6161000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6" name="Freihandform 485">
              <a:extLst>
                <a:ext uri="{FF2B5EF4-FFF2-40B4-BE49-F238E27FC236}">
                  <a16:creationId xmlns:a16="http://schemas.microsoft.com/office/drawing/2014/main" id="{31A78A26-E4A3-5B7C-B45A-981A8EE6E73F}"/>
                </a:ext>
              </a:extLst>
            </p:cNvPr>
            <p:cNvSpPr/>
            <p:nvPr/>
          </p:nvSpPr>
          <p:spPr>
            <a:xfrm>
              <a:off x="5120960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7" name="Freihandform 486">
              <a:extLst>
                <a:ext uri="{FF2B5EF4-FFF2-40B4-BE49-F238E27FC236}">
                  <a16:creationId xmlns:a16="http://schemas.microsoft.com/office/drawing/2014/main" id="{F8925071-0E32-79D3-3B44-DBF51FCF67CF}"/>
                </a:ext>
              </a:extLst>
            </p:cNvPr>
            <p:cNvSpPr/>
            <p:nvPr/>
          </p:nvSpPr>
          <p:spPr>
            <a:xfrm>
              <a:off x="5294316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8" name="Freihandform 487">
              <a:extLst>
                <a:ext uri="{FF2B5EF4-FFF2-40B4-BE49-F238E27FC236}">
                  <a16:creationId xmlns:a16="http://schemas.microsoft.com/office/drawing/2014/main" id="{846D707D-B812-6F65-CA34-F57B2C80C3B6}"/>
                </a:ext>
              </a:extLst>
            </p:cNvPr>
            <p:cNvSpPr/>
            <p:nvPr/>
          </p:nvSpPr>
          <p:spPr>
            <a:xfrm>
              <a:off x="5467624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89" name="Freihandform 488">
              <a:extLst>
                <a:ext uri="{FF2B5EF4-FFF2-40B4-BE49-F238E27FC236}">
                  <a16:creationId xmlns:a16="http://schemas.microsoft.com/office/drawing/2014/main" id="{2B2D35F3-CAAC-F710-B3FB-E25B724B1F4B}"/>
                </a:ext>
              </a:extLst>
            </p:cNvPr>
            <p:cNvSpPr/>
            <p:nvPr/>
          </p:nvSpPr>
          <p:spPr>
            <a:xfrm>
              <a:off x="5640980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0" name="Freihandform 489">
              <a:extLst>
                <a:ext uri="{FF2B5EF4-FFF2-40B4-BE49-F238E27FC236}">
                  <a16:creationId xmlns:a16="http://schemas.microsoft.com/office/drawing/2014/main" id="{AFD35CA2-0075-018A-82A9-B38E09D374C0}"/>
                </a:ext>
              </a:extLst>
            </p:cNvPr>
            <p:cNvSpPr/>
            <p:nvPr/>
          </p:nvSpPr>
          <p:spPr>
            <a:xfrm>
              <a:off x="5814336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1" name="Freihandform 490">
              <a:extLst>
                <a:ext uri="{FF2B5EF4-FFF2-40B4-BE49-F238E27FC236}">
                  <a16:creationId xmlns:a16="http://schemas.microsoft.com/office/drawing/2014/main" id="{2BB92691-1F7E-32DA-9C95-C660F62D97C2}"/>
                </a:ext>
              </a:extLst>
            </p:cNvPr>
            <p:cNvSpPr/>
            <p:nvPr/>
          </p:nvSpPr>
          <p:spPr>
            <a:xfrm>
              <a:off x="5987644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2" name="Freihandform 491">
              <a:extLst>
                <a:ext uri="{FF2B5EF4-FFF2-40B4-BE49-F238E27FC236}">
                  <a16:creationId xmlns:a16="http://schemas.microsoft.com/office/drawing/2014/main" id="{63250F72-B63B-4FA3-B275-1A1DACCD327B}"/>
                </a:ext>
              </a:extLst>
            </p:cNvPr>
            <p:cNvSpPr/>
            <p:nvPr/>
          </p:nvSpPr>
          <p:spPr>
            <a:xfrm>
              <a:off x="6161000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3" name="Freihandform 492">
              <a:extLst>
                <a:ext uri="{FF2B5EF4-FFF2-40B4-BE49-F238E27FC236}">
                  <a16:creationId xmlns:a16="http://schemas.microsoft.com/office/drawing/2014/main" id="{D71C5DB8-7ABE-B596-FE25-AA5BDA30AEF8}"/>
                </a:ext>
              </a:extLst>
            </p:cNvPr>
            <p:cNvSpPr/>
            <p:nvPr/>
          </p:nvSpPr>
          <p:spPr>
            <a:xfrm>
              <a:off x="5120960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4" name="Freihandform 493">
              <a:extLst>
                <a:ext uri="{FF2B5EF4-FFF2-40B4-BE49-F238E27FC236}">
                  <a16:creationId xmlns:a16="http://schemas.microsoft.com/office/drawing/2014/main" id="{43B4FFB5-A6FF-F96C-9C5F-B1E0FB8B1334}"/>
                </a:ext>
              </a:extLst>
            </p:cNvPr>
            <p:cNvSpPr/>
            <p:nvPr/>
          </p:nvSpPr>
          <p:spPr>
            <a:xfrm>
              <a:off x="5294316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5" name="Freihandform 494">
              <a:extLst>
                <a:ext uri="{FF2B5EF4-FFF2-40B4-BE49-F238E27FC236}">
                  <a16:creationId xmlns:a16="http://schemas.microsoft.com/office/drawing/2014/main" id="{19350E3D-8C5C-04AC-C1F5-FD7A8380BC0B}"/>
                </a:ext>
              </a:extLst>
            </p:cNvPr>
            <p:cNvSpPr/>
            <p:nvPr/>
          </p:nvSpPr>
          <p:spPr>
            <a:xfrm>
              <a:off x="5467624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6" name="Freihandform 495">
              <a:extLst>
                <a:ext uri="{FF2B5EF4-FFF2-40B4-BE49-F238E27FC236}">
                  <a16:creationId xmlns:a16="http://schemas.microsoft.com/office/drawing/2014/main" id="{6732D235-6DA3-33A6-F980-BD130256DFAE}"/>
                </a:ext>
              </a:extLst>
            </p:cNvPr>
            <p:cNvSpPr/>
            <p:nvPr/>
          </p:nvSpPr>
          <p:spPr>
            <a:xfrm>
              <a:off x="5640980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7" name="Freihandform 496">
              <a:extLst>
                <a:ext uri="{FF2B5EF4-FFF2-40B4-BE49-F238E27FC236}">
                  <a16:creationId xmlns:a16="http://schemas.microsoft.com/office/drawing/2014/main" id="{A2602CE2-C7D6-1A8C-CB91-12EEAB104A35}"/>
                </a:ext>
              </a:extLst>
            </p:cNvPr>
            <p:cNvSpPr/>
            <p:nvPr/>
          </p:nvSpPr>
          <p:spPr>
            <a:xfrm>
              <a:off x="5814336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8" name="Freihandform 497">
              <a:extLst>
                <a:ext uri="{FF2B5EF4-FFF2-40B4-BE49-F238E27FC236}">
                  <a16:creationId xmlns:a16="http://schemas.microsoft.com/office/drawing/2014/main" id="{5AEF511F-348D-25A8-0AC7-7B79DADF4DBF}"/>
                </a:ext>
              </a:extLst>
            </p:cNvPr>
            <p:cNvSpPr/>
            <p:nvPr/>
          </p:nvSpPr>
          <p:spPr>
            <a:xfrm>
              <a:off x="5987644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499" name="Freihandform 498">
              <a:extLst>
                <a:ext uri="{FF2B5EF4-FFF2-40B4-BE49-F238E27FC236}">
                  <a16:creationId xmlns:a16="http://schemas.microsoft.com/office/drawing/2014/main" id="{70C2AFE3-1721-8A89-A881-0C7B0035F52C}"/>
                </a:ext>
              </a:extLst>
            </p:cNvPr>
            <p:cNvSpPr/>
            <p:nvPr/>
          </p:nvSpPr>
          <p:spPr>
            <a:xfrm>
              <a:off x="6161000" y="433582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0" name="Freihandform 499">
              <a:extLst>
                <a:ext uri="{FF2B5EF4-FFF2-40B4-BE49-F238E27FC236}">
                  <a16:creationId xmlns:a16="http://schemas.microsoft.com/office/drawing/2014/main" id="{C9B6BC0A-75FB-CC6F-F73E-342D95276DAB}"/>
                </a:ext>
              </a:extLst>
            </p:cNvPr>
            <p:cNvSpPr/>
            <p:nvPr/>
          </p:nvSpPr>
          <p:spPr>
            <a:xfrm>
              <a:off x="5120960" y="450927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1" name="Freihandform 500">
              <a:extLst>
                <a:ext uri="{FF2B5EF4-FFF2-40B4-BE49-F238E27FC236}">
                  <a16:creationId xmlns:a16="http://schemas.microsoft.com/office/drawing/2014/main" id="{F6B3A04B-E4CA-ADC4-888F-FF29E8A00D0B}"/>
                </a:ext>
              </a:extLst>
            </p:cNvPr>
            <p:cNvSpPr/>
            <p:nvPr/>
          </p:nvSpPr>
          <p:spPr>
            <a:xfrm>
              <a:off x="5640980" y="450927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2" name="Freihandform 501">
              <a:extLst>
                <a:ext uri="{FF2B5EF4-FFF2-40B4-BE49-F238E27FC236}">
                  <a16:creationId xmlns:a16="http://schemas.microsoft.com/office/drawing/2014/main" id="{C30F0B52-E4F4-22AF-58C8-F09FAB2C6483}"/>
                </a:ext>
              </a:extLst>
            </p:cNvPr>
            <p:cNvSpPr/>
            <p:nvPr/>
          </p:nvSpPr>
          <p:spPr>
            <a:xfrm>
              <a:off x="5814336" y="4509277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3" name="Freihandform 502">
              <a:extLst>
                <a:ext uri="{FF2B5EF4-FFF2-40B4-BE49-F238E27FC236}">
                  <a16:creationId xmlns:a16="http://schemas.microsoft.com/office/drawing/2014/main" id="{6CFF5679-ABBD-4BE8-D732-04539D5174DC}"/>
                </a:ext>
              </a:extLst>
            </p:cNvPr>
            <p:cNvSpPr/>
            <p:nvPr/>
          </p:nvSpPr>
          <p:spPr>
            <a:xfrm>
              <a:off x="5640980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4" name="Freihandform 503">
              <a:extLst>
                <a:ext uri="{FF2B5EF4-FFF2-40B4-BE49-F238E27FC236}">
                  <a16:creationId xmlns:a16="http://schemas.microsoft.com/office/drawing/2014/main" id="{E06F2055-280C-A1E3-FD39-19B5771BC5A2}"/>
                </a:ext>
              </a:extLst>
            </p:cNvPr>
            <p:cNvSpPr/>
            <p:nvPr/>
          </p:nvSpPr>
          <p:spPr>
            <a:xfrm>
              <a:off x="5814336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5" name="Freihandform 504">
              <a:extLst>
                <a:ext uri="{FF2B5EF4-FFF2-40B4-BE49-F238E27FC236}">
                  <a16:creationId xmlns:a16="http://schemas.microsoft.com/office/drawing/2014/main" id="{2C9531A2-5CFD-1E91-B8BE-D90C29287396}"/>
                </a:ext>
              </a:extLst>
            </p:cNvPr>
            <p:cNvSpPr/>
            <p:nvPr/>
          </p:nvSpPr>
          <p:spPr>
            <a:xfrm>
              <a:off x="5987644" y="260151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6" name="Freihandform 505">
              <a:extLst>
                <a:ext uri="{FF2B5EF4-FFF2-40B4-BE49-F238E27FC236}">
                  <a16:creationId xmlns:a16="http://schemas.microsoft.com/office/drawing/2014/main" id="{A63BED7B-4927-1769-070B-CE2955308418}"/>
                </a:ext>
              </a:extLst>
            </p:cNvPr>
            <p:cNvSpPr/>
            <p:nvPr/>
          </p:nvSpPr>
          <p:spPr>
            <a:xfrm>
              <a:off x="5467624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7" name="Freihandform 506">
              <a:extLst>
                <a:ext uri="{FF2B5EF4-FFF2-40B4-BE49-F238E27FC236}">
                  <a16:creationId xmlns:a16="http://schemas.microsoft.com/office/drawing/2014/main" id="{1E944841-1C97-2F4B-0DA6-F1FA972CB703}"/>
                </a:ext>
              </a:extLst>
            </p:cNvPr>
            <p:cNvSpPr/>
            <p:nvPr/>
          </p:nvSpPr>
          <p:spPr>
            <a:xfrm>
              <a:off x="5640980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8" name="Freihandform 507">
              <a:extLst>
                <a:ext uri="{FF2B5EF4-FFF2-40B4-BE49-F238E27FC236}">
                  <a16:creationId xmlns:a16="http://schemas.microsoft.com/office/drawing/2014/main" id="{7FEFDCBB-60C2-9EB6-D036-4423777E3B31}"/>
                </a:ext>
              </a:extLst>
            </p:cNvPr>
            <p:cNvSpPr/>
            <p:nvPr/>
          </p:nvSpPr>
          <p:spPr>
            <a:xfrm>
              <a:off x="5814336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09" name="Freihandform 508">
              <a:extLst>
                <a:ext uri="{FF2B5EF4-FFF2-40B4-BE49-F238E27FC236}">
                  <a16:creationId xmlns:a16="http://schemas.microsoft.com/office/drawing/2014/main" id="{7404D36D-1DD5-E616-30EA-B082813746DD}"/>
                </a:ext>
              </a:extLst>
            </p:cNvPr>
            <p:cNvSpPr/>
            <p:nvPr/>
          </p:nvSpPr>
          <p:spPr>
            <a:xfrm>
              <a:off x="5987644" y="27749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0" name="Freihandform 509">
              <a:extLst>
                <a:ext uri="{FF2B5EF4-FFF2-40B4-BE49-F238E27FC236}">
                  <a16:creationId xmlns:a16="http://schemas.microsoft.com/office/drawing/2014/main" id="{11A69545-25A7-0328-3091-8ABBF8479E39}"/>
                </a:ext>
              </a:extLst>
            </p:cNvPr>
            <p:cNvSpPr/>
            <p:nvPr/>
          </p:nvSpPr>
          <p:spPr>
            <a:xfrm>
              <a:off x="5467624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1" name="Freihandform 510">
              <a:extLst>
                <a:ext uri="{FF2B5EF4-FFF2-40B4-BE49-F238E27FC236}">
                  <a16:creationId xmlns:a16="http://schemas.microsoft.com/office/drawing/2014/main" id="{5F171B17-325B-F2B6-63B7-F5B4F80D7CF5}"/>
                </a:ext>
              </a:extLst>
            </p:cNvPr>
            <p:cNvSpPr/>
            <p:nvPr/>
          </p:nvSpPr>
          <p:spPr>
            <a:xfrm>
              <a:off x="5640980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2" name="Freihandform 511">
              <a:extLst>
                <a:ext uri="{FF2B5EF4-FFF2-40B4-BE49-F238E27FC236}">
                  <a16:creationId xmlns:a16="http://schemas.microsoft.com/office/drawing/2014/main" id="{301B7DBE-4B0A-3DC0-D4F5-BA5A5752FFF5}"/>
                </a:ext>
              </a:extLst>
            </p:cNvPr>
            <p:cNvSpPr/>
            <p:nvPr/>
          </p:nvSpPr>
          <p:spPr>
            <a:xfrm>
              <a:off x="5814336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3" name="Freihandform 512">
              <a:extLst>
                <a:ext uri="{FF2B5EF4-FFF2-40B4-BE49-F238E27FC236}">
                  <a16:creationId xmlns:a16="http://schemas.microsoft.com/office/drawing/2014/main" id="{2936EF2A-813B-2480-236C-66A8FA11973F}"/>
                </a:ext>
              </a:extLst>
            </p:cNvPr>
            <p:cNvSpPr/>
            <p:nvPr/>
          </p:nvSpPr>
          <p:spPr>
            <a:xfrm>
              <a:off x="5987644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4" name="Freihandform 513">
              <a:extLst>
                <a:ext uri="{FF2B5EF4-FFF2-40B4-BE49-F238E27FC236}">
                  <a16:creationId xmlns:a16="http://schemas.microsoft.com/office/drawing/2014/main" id="{24E3406A-2086-FD4C-3DCC-5C197A14A114}"/>
                </a:ext>
              </a:extLst>
            </p:cNvPr>
            <p:cNvSpPr/>
            <p:nvPr/>
          </p:nvSpPr>
          <p:spPr>
            <a:xfrm>
              <a:off x="6161000" y="294836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5" name="Freihandform 514">
              <a:extLst>
                <a:ext uri="{FF2B5EF4-FFF2-40B4-BE49-F238E27FC236}">
                  <a16:creationId xmlns:a16="http://schemas.microsoft.com/office/drawing/2014/main" id="{C6896268-7926-EFE0-773A-E91A4E6E8578}"/>
                </a:ext>
              </a:extLst>
            </p:cNvPr>
            <p:cNvSpPr/>
            <p:nvPr/>
          </p:nvSpPr>
          <p:spPr>
            <a:xfrm>
              <a:off x="5814336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6" name="Freihandform 515">
              <a:extLst>
                <a:ext uri="{FF2B5EF4-FFF2-40B4-BE49-F238E27FC236}">
                  <a16:creationId xmlns:a16="http://schemas.microsoft.com/office/drawing/2014/main" id="{9127198D-5298-608F-ADF5-84F042CBB518}"/>
                </a:ext>
              </a:extLst>
            </p:cNvPr>
            <p:cNvSpPr/>
            <p:nvPr/>
          </p:nvSpPr>
          <p:spPr>
            <a:xfrm>
              <a:off x="5987644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7" name="Freihandform 516">
              <a:extLst>
                <a:ext uri="{FF2B5EF4-FFF2-40B4-BE49-F238E27FC236}">
                  <a16:creationId xmlns:a16="http://schemas.microsoft.com/office/drawing/2014/main" id="{57A52D71-0C8E-59D8-F523-AE001B26D2EE}"/>
                </a:ext>
              </a:extLst>
            </p:cNvPr>
            <p:cNvSpPr/>
            <p:nvPr/>
          </p:nvSpPr>
          <p:spPr>
            <a:xfrm>
              <a:off x="6161000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8" name="Freihandform 517">
              <a:extLst>
                <a:ext uri="{FF2B5EF4-FFF2-40B4-BE49-F238E27FC236}">
                  <a16:creationId xmlns:a16="http://schemas.microsoft.com/office/drawing/2014/main" id="{FA078D2B-9E1D-26CA-D227-97F1007C23A0}"/>
                </a:ext>
              </a:extLst>
            </p:cNvPr>
            <p:cNvSpPr/>
            <p:nvPr/>
          </p:nvSpPr>
          <p:spPr>
            <a:xfrm>
              <a:off x="6334356" y="3121818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19" name="Freihandform 518">
              <a:extLst>
                <a:ext uri="{FF2B5EF4-FFF2-40B4-BE49-F238E27FC236}">
                  <a16:creationId xmlns:a16="http://schemas.microsoft.com/office/drawing/2014/main" id="{36DF0204-62E8-A29C-CFDF-68AD98511AC6}"/>
                </a:ext>
              </a:extLst>
            </p:cNvPr>
            <p:cNvSpPr/>
            <p:nvPr/>
          </p:nvSpPr>
          <p:spPr>
            <a:xfrm>
              <a:off x="6507665" y="3121818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0" name="Freihandform 519">
              <a:extLst>
                <a:ext uri="{FF2B5EF4-FFF2-40B4-BE49-F238E27FC236}">
                  <a16:creationId xmlns:a16="http://schemas.microsoft.com/office/drawing/2014/main" id="{9DD46C5F-B018-55BA-458B-1C312CB20465}"/>
                </a:ext>
              </a:extLst>
            </p:cNvPr>
            <p:cNvSpPr/>
            <p:nvPr/>
          </p:nvSpPr>
          <p:spPr>
            <a:xfrm>
              <a:off x="5814336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1" name="Freihandform 520">
              <a:extLst>
                <a:ext uri="{FF2B5EF4-FFF2-40B4-BE49-F238E27FC236}">
                  <a16:creationId xmlns:a16="http://schemas.microsoft.com/office/drawing/2014/main" id="{D941F633-FE25-BC9C-86D4-E02DF640A5FA}"/>
                </a:ext>
              </a:extLst>
            </p:cNvPr>
            <p:cNvSpPr/>
            <p:nvPr/>
          </p:nvSpPr>
          <p:spPr>
            <a:xfrm>
              <a:off x="5987644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2" name="Freihandform 521">
              <a:extLst>
                <a:ext uri="{FF2B5EF4-FFF2-40B4-BE49-F238E27FC236}">
                  <a16:creationId xmlns:a16="http://schemas.microsoft.com/office/drawing/2014/main" id="{72F97E9C-8137-590E-99C1-52F047106119}"/>
                </a:ext>
              </a:extLst>
            </p:cNvPr>
            <p:cNvSpPr/>
            <p:nvPr/>
          </p:nvSpPr>
          <p:spPr>
            <a:xfrm>
              <a:off x="6161000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3" name="Freihandform 522">
              <a:extLst>
                <a:ext uri="{FF2B5EF4-FFF2-40B4-BE49-F238E27FC236}">
                  <a16:creationId xmlns:a16="http://schemas.microsoft.com/office/drawing/2014/main" id="{49B0C576-DF16-5FBD-BD9F-15261A7CED66}"/>
                </a:ext>
              </a:extLst>
            </p:cNvPr>
            <p:cNvSpPr/>
            <p:nvPr/>
          </p:nvSpPr>
          <p:spPr>
            <a:xfrm>
              <a:off x="6334356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4" name="Freihandform 523">
              <a:extLst>
                <a:ext uri="{FF2B5EF4-FFF2-40B4-BE49-F238E27FC236}">
                  <a16:creationId xmlns:a16="http://schemas.microsoft.com/office/drawing/2014/main" id="{BC097A24-F7D2-E591-9B2F-6BCFC55A3E46}"/>
                </a:ext>
              </a:extLst>
            </p:cNvPr>
            <p:cNvSpPr/>
            <p:nvPr/>
          </p:nvSpPr>
          <p:spPr>
            <a:xfrm>
              <a:off x="6507665" y="3295221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5" name="Freihandform 524">
              <a:extLst>
                <a:ext uri="{FF2B5EF4-FFF2-40B4-BE49-F238E27FC236}">
                  <a16:creationId xmlns:a16="http://schemas.microsoft.com/office/drawing/2014/main" id="{55479583-B03F-76F4-EF0D-7220A5C61B6D}"/>
                </a:ext>
              </a:extLst>
            </p:cNvPr>
            <p:cNvSpPr/>
            <p:nvPr/>
          </p:nvSpPr>
          <p:spPr>
            <a:xfrm>
              <a:off x="6681021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6" name="Freihandform 525">
              <a:extLst>
                <a:ext uri="{FF2B5EF4-FFF2-40B4-BE49-F238E27FC236}">
                  <a16:creationId xmlns:a16="http://schemas.microsoft.com/office/drawing/2014/main" id="{50988626-6A31-F005-E055-DD631D1756F1}"/>
                </a:ext>
              </a:extLst>
            </p:cNvPr>
            <p:cNvSpPr/>
            <p:nvPr/>
          </p:nvSpPr>
          <p:spPr>
            <a:xfrm>
              <a:off x="6854376" y="32952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7" name="Freihandform 526">
              <a:extLst>
                <a:ext uri="{FF2B5EF4-FFF2-40B4-BE49-F238E27FC236}">
                  <a16:creationId xmlns:a16="http://schemas.microsoft.com/office/drawing/2014/main" id="{795CB5D3-0CA0-F233-8510-9A6939CA6BE8}"/>
                </a:ext>
              </a:extLst>
            </p:cNvPr>
            <p:cNvSpPr/>
            <p:nvPr/>
          </p:nvSpPr>
          <p:spPr>
            <a:xfrm>
              <a:off x="5987644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8" name="Freihandform 527">
              <a:extLst>
                <a:ext uri="{FF2B5EF4-FFF2-40B4-BE49-F238E27FC236}">
                  <a16:creationId xmlns:a16="http://schemas.microsoft.com/office/drawing/2014/main" id="{C7D96F31-7F38-1BDD-A0E1-BF4DA240C8D7}"/>
                </a:ext>
              </a:extLst>
            </p:cNvPr>
            <p:cNvSpPr/>
            <p:nvPr/>
          </p:nvSpPr>
          <p:spPr>
            <a:xfrm>
              <a:off x="6161000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29" name="Freihandform 528">
              <a:extLst>
                <a:ext uri="{FF2B5EF4-FFF2-40B4-BE49-F238E27FC236}">
                  <a16:creationId xmlns:a16="http://schemas.microsoft.com/office/drawing/2014/main" id="{3849A5ED-2CE0-5817-83BF-FB8F2400C798}"/>
                </a:ext>
              </a:extLst>
            </p:cNvPr>
            <p:cNvSpPr/>
            <p:nvPr/>
          </p:nvSpPr>
          <p:spPr>
            <a:xfrm>
              <a:off x="6334356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0" name="Freihandform 529">
              <a:extLst>
                <a:ext uri="{FF2B5EF4-FFF2-40B4-BE49-F238E27FC236}">
                  <a16:creationId xmlns:a16="http://schemas.microsoft.com/office/drawing/2014/main" id="{D627A5FB-C7D5-2B3C-B683-95380D5DDA2F}"/>
                </a:ext>
              </a:extLst>
            </p:cNvPr>
            <p:cNvSpPr/>
            <p:nvPr/>
          </p:nvSpPr>
          <p:spPr>
            <a:xfrm>
              <a:off x="6507665" y="3468671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1" name="Freihandform 530">
              <a:extLst>
                <a:ext uri="{FF2B5EF4-FFF2-40B4-BE49-F238E27FC236}">
                  <a16:creationId xmlns:a16="http://schemas.microsoft.com/office/drawing/2014/main" id="{F329BB63-7527-1670-8718-4D3F07DC1580}"/>
                </a:ext>
              </a:extLst>
            </p:cNvPr>
            <p:cNvSpPr/>
            <p:nvPr/>
          </p:nvSpPr>
          <p:spPr>
            <a:xfrm>
              <a:off x="6681021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2" name="Freihandform 531">
              <a:extLst>
                <a:ext uri="{FF2B5EF4-FFF2-40B4-BE49-F238E27FC236}">
                  <a16:creationId xmlns:a16="http://schemas.microsoft.com/office/drawing/2014/main" id="{A87D53AE-7279-10BE-A1DE-C24D7ABA6A00}"/>
                </a:ext>
              </a:extLst>
            </p:cNvPr>
            <p:cNvSpPr/>
            <p:nvPr/>
          </p:nvSpPr>
          <p:spPr>
            <a:xfrm>
              <a:off x="6854376" y="346867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3" name="Freihandform 532">
              <a:extLst>
                <a:ext uri="{FF2B5EF4-FFF2-40B4-BE49-F238E27FC236}">
                  <a16:creationId xmlns:a16="http://schemas.microsoft.com/office/drawing/2014/main" id="{7DA0F276-2CC5-11F2-043E-6A78328971D6}"/>
                </a:ext>
              </a:extLst>
            </p:cNvPr>
            <p:cNvSpPr/>
            <p:nvPr/>
          </p:nvSpPr>
          <p:spPr>
            <a:xfrm>
              <a:off x="5987644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4" name="Freihandform 533">
              <a:extLst>
                <a:ext uri="{FF2B5EF4-FFF2-40B4-BE49-F238E27FC236}">
                  <a16:creationId xmlns:a16="http://schemas.microsoft.com/office/drawing/2014/main" id="{B2E16F88-6A00-021E-3974-7DEB23E9F798}"/>
                </a:ext>
              </a:extLst>
            </p:cNvPr>
            <p:cNvSpPr/>
            <p:nvPr/>
          </p:nvSpPr>
          <p:spPr>
            <a:xfrm>
              <a:off x="6161000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5" name="Freihandform 534">
              <a:extLst>
                <a:ext uri="{FF2B5EF4-FFF2-40B4-BE49-F238E27FC236}">
                  <a16:creationId xmlns:a16="http://schemas.microsoft.com/office/drawing/2014/main" id="{309E287F-0AE4-F4F5-2B6A-BBE4118736A0}"/>
                </a:ext>
              </a:extLst>
            </p:cNvPr>
            <p:cNvSpPr/>
            <p:nvPr/>
          </p:nvSpPr>
          <p:spPr>
            <a:xfrm>
              <a:off x="6334356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6" name="Freihandform 535">
              <a:extLst>
                <a:ext uri="{FF2B5EF4-FFF2-40B4-BE49-F238E27FC236}">
                  <a16:creationId xmlns:a16="http://schemas.microsoft.com/office/drawing/2014/main" id="{E387C920-01D9-7D7C-9E75-8469200A038E}"/>
                </a:ext>
              </a:extLst>
            </p:cNvPr>
            <p:cNvSpPr/>
            <p:nvPr/>
          </p:nvSpPr>
          <p:spPr>
            <a:xfrm>
              <a:off x="6507665" y="3642121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7" name="Freihandform 536">
              <a:extLst>
                <a:ext uri="{FF2B5EF4-FFF2-40B4-BE49-F238E27FC236}">
                  <a16:creationId xmlns:a16="http://schemas.microsoft.com/office/drawing/2014/main" id="{D5FE0007-8EB9-97E1-EECC-AF20E0F4B3FA}"/>
                </a:ext>
              </a:extLst>
            </p:cNvPr>
            <p:cNvSpPr/>
            <p:nvPr/>
          </p:nvSpPr>
          <p:spPr>
            <a:xfrm>
              <a:off x="6681021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8" name="Freihandform 537">
              <a:extLst>
                <a:ext uri="{FF2B5EF4-FFF2-40B4-BE49-F238E27FC236}">
                  <a16:creationId xmlns:a16="http://schemas.microsoft.com/office/drawing/2014/main" id="{EE004C27-F3C1-944D-30C9-BD6C1C377D92}"/>
                </a:ext>
              </a:extLst>
            </p:cNvPr>
            <p:cNvSpPr/>
            <p:nvPr/>
          </p:nvSpPr>
          <p:spPr>
            <a:xfrm>
              <a:off x="6854376" y="3642121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39" name="Freihandform 538">
              <a:extLst>
                <a:ext uri="{FF2B5EF4-FFF2-40B4-BE49-F238E27FC236}">
                  <a16:creationId xmlns:a16="http://schemas.microsoft.com/office/drawing/2014/main" id="{C33504AF-BCA1-FB01-C92F-68D6EDD6E167}"/>
                </a:ext>
              </a:extLst>
            </p:cNvPr>
            <p:cNvSpPr/>
            <p:nvPr/>
          </p:nvSpPr>
          <p:spPr>
            <a:xfrm>
              <a:off x="6161000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0" name="Freihandform 539">
              <a:extLst>
                <a:ext uri="{FF2B5EF4-FFF2-40B4-BE49-F238E27FC236}">
                  <a16:creationId xmlns:a16="http://schemas.microsoft.com/office/drawing/2014/main" id="{4DB17F4E-5B39-1EAF-3C76-E6C9BA540E8D}"/>
                </a:ext>
              </a:extLst>
            </p:cNvPr>
            <p:cNvSpPr/>
            <p:nvPr/>
          </p:nvSpPr>
          <p:spPr>
            <a:xfrm>
              <a:off x="6334356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1" name="Freihandform 540">
              <a:extLst>
                <a:ext uri="{FF2B5EF4-FFF2-40B4-BE49-F238E27FC236}">
                  <a16:creationId xmlns:a16="http://schemas.microsoft.com/office/drawing/2014/main" id="{F7B5FF9C-A47C-BF73-0626-07F326101DD3}"/>
                </a:ext>
              </a:extLst>
            </p:cNvPr>
            <p:cNvSpPr/>
            <p:nvPr/>
          </p:nvSpPr>
          <p:spPr>
            <a:xfrm>
              <a:off x="6507665" y="3815524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2" name="Freihandform 541">
              <a:extLst>
                <a:ext uri="{FF2B5EF4-FFF2-40B4-BE49-F238E27FC236}">
                  <a16:creationId xmlns:a16="http://schemas.microsoft.com/office/drawing/2014/main" id="{608EB8F7-AE52-B683-9D00-631B1F70DB99}"/>
                </a:ext>
              </a:extLst>
            </p:cNvPr>
            <p:cNvSpPr/>
            <p:nvPr/>
          </p:nvSpPr>
          <p:spPr>
            <a:xfrm>
              <a:off x="6681021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1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3" name="Freihandform 542">
              <a:extLst>
                <a:ext uri="{FF2B5EF4-FFF2-40B4-BE49-F238E27FC236}">
                  <a16:creationId xmlns:a16="http://schemas.microsoft.com/office/drawing/2014/main" id="{B32F26F8-28E7-5A5F-0684-679F38B1FDE1}"/>
                </a:ext>
              </a:extLst>
            </p:cNvPr>
            <p:cNvSpPr/>
            <p:nvPr/>
          </p:nvSpPr>
          <p:spPr>
            <a:xfrm>
              <a:off x="6854376" y="381552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4" name="Freihandform 543">
              <a:extLst>
                <a:ext uri="{FF2B5EF4-FFF2-40B4-BE49-F238E27FC236}">
                  <a16:creationId xmlns:a16="http://schemas.microsoft.com/office/drawing/2014/main" id="{7D347886-CBE7-9D6A-6CA3-E19A83D55318}"/>
                </a:ext>
              </a:extLst>
            </p:cNvPr>
            <p:cNvSpPr/>
            <p:nvPr/>
          </p:nvSpPr>
          <p:spPr>
            <a:xfrm>
              <a:off x="6334356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5" name="Freihandform 544">
              <a:extLst>
                <a:ext uri="{FF2B5EF4-FFF2-40B4-BE49-F238E27FC236}">
                  <a16:creationId xmlns:a16="http://schemas.microsoft.com/office/drawing/2014/main" id="{8CCED1BB-64C2-42C0-B4D0-86530C959FCB}"/>
                </a:ext>
              </a:extLst>
            </p:cNvPr>
            <p:cNvSpPr/>
            <p:nvPr/>
          </p:nvSpPr>
          <p:spPr>
            <a:xfrm>
              <a:off x="6507665" y="3988974"/>
              <a:ext cx="115570" cy="115633"/>
            </a:xfrm>
            <a:custGeom>
              <a:avLst/>
              <a:gdLst>
                <a:gd name="connsiteX0" fmla="*/ 115570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0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0" y="57817"/>
                  </a:moveTo>
                  <a:cubicBezTo>
                    <a:pt x="115570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0" y="25885"/>
                    <a:pt x="115570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6" name="Freihandform 545">
              <a:extLst>
                <a:ext uri="{FF2B5EF4-FFF2-40B4-BE49-F238E27FC236}">
                  <a16:creationId xmlns:a16="http://schemas.microsoft.com/office/drawing/2014/main" id="{FE44F979-5DB8-E75B-E5F6-86E3B767573C}"/>
                </a:ext>
              </a:extLst>
            </p:cNvPr>
            <p:cNvSpPr/>
            <p:nvPr/>
          </p:nvSpPr>
          <p:spPr>
            <a:xfrm>
              <a:off x="6681021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1" y="115633"/>
                    <a:pt x="0" y="89748"/>
                    <a:pt x="0" y="57817"/>
                  </a:cubicBezTo>
                  <a:cubicBezTo>
                    <a:pt x="0" y="25885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7" name="Freihandform 546">
              <a:extLst>
                <a:ext uri="{FF2B5EF4-FFF2-40B4-BE49-F238E27FC236}">
                  <a16:creationId xmlns:a16="http://schemas.microsoft.com/office/drawing/2014/main" id="{931B00CD-EF21-5F96-B1DE-F094C7665F2E}"/>
                </a:ext>
              </a:extLst>
            </p:cNvPr>
            <p:cNvSpPr/>
            <p:nvPr/>
          </p:nvSpPr>
          <p:spPr>
            <a:xfrm>
              <a:off x="6854376" y="3988974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3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699" y="115633"/>
                    <a:pt x="57785" y="115633"/>
                  </a:cubicBezTo>
                  <a:cubicBezTo>
                    <a:pt x="25872" y="115633"/>
                    <a:pt x="0" y="89748"/>
                    <a:pt x="0" y="57817"/>
                  </a:cubicBezTo>
                  <a:cubicBezTo>
                    <a:pt x="0" y="25885"/>
                    <a:pt x="25872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  <p:sp>
          <p:nvSpPr>
            <p:cNvPr id="548" name="Freihandform 547">
              <a:extLst>
                <a:ext uri="{FF2B5EF4-FFF2-40B4-BE49-F238E27FC236}">
                  <a16:creationId xmlns:a16="http://schemas.microsoft.com/office/drawing/2014/main" id="{34FBC26E-14F9-177E-B586-230A56FD338B}"/>
                </a:ext>
              </a:extLst>
            </p:cNvPr>
            <p:cNvSpPr/>
            <p:nvPr/>
          </p:nvSpPr>
          <p:spPr>
            <a:xfrm>
              <a:off x="6334356" y="4162425"/>
              <a:ext cx="115570" cy="115633"/>
            </a:xfrm>
            <a:custGeom>
              <a:avLst/>
              <a:gdLst>
                <a:gd name="connsiteX0" fmla="*/ 115571 w 115570"/>
                <a:gd name="connsiteY0" fmla="*/ 57817 h 115633"/>
                <a:gd name="connsiteX1" fmla="*/ 57785 w 115570"/>
                <a:gd name="connsiteY1" fmla="*/ 115634 h 115633"/>
                <a:gd name="connsiteX2" fmla="*/ 0 w 115570"/>
                <a:gd name="connsiteY2" fmla="*/ 57817 h 115633"/>
                <a:gd name="connsiteX3" fmla="*/ 57785 w 115570"/>
                <a:gd name="connsiteY3" fmla="*/ 0 h 115633"/>
                <a:gd name="connsiteX4" fmla="*/ 115571 w 115570"/>
                <a:gd name="connsiteY4" fmla="*/ 57817 h 11563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5570" h="115633">
                  <a:moveTo>
                    <a:pt x="115571" y="57817"/>
                  </a:moveTo>
                  <a:cubicBezTo>
                    <a:pt x="115571" y="89748"/>
                    <a:pt x="89700" y="115634"/>
                    <a:pt x="57785" y="115634"/>
                  </a:cubicBezTo>
                  <a:cubicBezTo>
                    <a:pt x="25872" y="115634"/>
                    <a:pt x="0" y="89748"/>
                    <a:pt x="0" y="57817"/>
                  </a:cubicBezTo>
                  <a:cubicBezTo>
                    <a:pt x="0" y="25886"/>
                    <a:pt x="25871" y="0"/>
                    <a:pt x="57785" y="0"/>
                  </a:cubicBezTo>
                  <a:cubicBezTo>
                    <a:pt x="89699" y="0"/>
                    <a:pt x="115571" y="25885"/>
                    <a:pt x="115571" y="57817"/>
                  </a:cubicBezTo>
                  <a:close/>
                </a:path>
              </a:pathLst>
            </a:custGeom>
            <a:grpFill/>
            <a:ln w="0" cap="flat">
              <a:noFill/>
              <a:prstDash val="solid"/>
              <a:miter/>
            </a:ln>
          </p:spPr>
          <p:txBody>
            <a:bodyPr rtlCol="0" anchor="ctr"/>
            <a:lstStyle/>
            <a:p>
              <a:endParaRPr lang="de-DE"/>
            </a:p>
          </p:txBody>
        </p:sp>
      </p:grpSp>
    </p:spTree>
    <p:extLst>
      <p:ext uri="{BB962C8B-B14F-4D97-AF65-F5344CB8AC3E}">
        <p14:creationId xmlns:p14="http://schemas.microsoft.com/office/powerpoint/2010/main" val="19148291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rennsei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313134" y="2143125"/>
            <a:ext cx="5627018" cy="857250"/>
          </a:xfrm>
        </p:spPr>
        <p:txBody>
          <a:bodyPr/>
          <a:lstStyle/>
          <a:p>
            <a:r>
              <a:rPr lang="de-DE" smtClean="0"/>
              <a:t>Titelmasterformat durch Klicken bearbeiten</a:t>
            </a:r>
            <a:endParaRPr lang="de-AT" dirty="0"/>
          </a:p>
        </p:txBody>
      </p:sp>
      <p:sp>
        <p:nvSpPr>
          <p:cNvPr id="4" name="Bildplatzhalter 3"/>
          <p:cNvSpPr>
            <a:spLocks noGrp="1"/>
          </p:cNvSpPr>
          <p:nvPr>
            <p:ph type="pic" sz="quarter" idx="10"/>
          </p:nvPr>
        </p:nvSpPr>
        <p:spPr>
          <a:xfrm>
            <a:off x="6948264" y="1"/>
            <a:ext cx="2195736" cy="5143499"/>
          </a:xfrm>
        </p:spPr>
        <p:txBody>
          <a:bodyPr/>
          <a:lstStyle/>
          <a:p>
            <a:r>
              <a:rPr lang="de-DE" smtClean="0"/>
              <a:t>Bild durch Klicken auf Symbol hinzufügen</a:t>
            </a:r>
            <a:endParaRPr lang="de-AT"/>
          </a:p>
        </p:txBody>
      </p:sp>
    </p:spTree>
    <p:extLst>
      <p:ext uri="{BB962C8B-B14F-4D97-AF65-F5344CB8AC3E}">
        <p14:creationId xmlns:p14="http://schemas.microsoft.com/office/powerpoint/2010/main" val="147291063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gramm+Log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9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148013"/>
            <a:ext cx="9144000" cy="2159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720000" y="324001"/>
            <a:ext cx="7715250" cy="522761"/>
          </a:xfrm>
        </p:spPr>
        <p:txBody>
          <a:bodyPr/>
          <a:lstStyle>
            <a:lvl1pPr>
              <a:lnSpc>
                <a:spcPct val="100000"/>
              </a:lnSpc>
              <a:defRPr sz="3000" baseline="0">
                <a:solidFill>
                  <a:srgbClr val="E4002D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AT" dirty="0"/>
          </a:p>
        </p:txBody>
      </p:sp>
      <p:pic>
        <p:nvPicPr>
          <p:cNvPr id="6" name="Grafik 12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18425" y="4321175"/>
            <a:ext cx="1030288" cy="482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Diagrammplatzhalter 7"/>
          <p:cNvSpPr>
            <a:spLocks noGrp="1"/>
          </p:cNvSpPr>
          <p:nvPr>
            <p:ph type="chart" sz="quarter" idx="11"/>
          </p:nvPr>
        </p:nvSpPr>
        <p:spPr>
          <a:xfrm>
            <a:off x="720000" y="987574"/>
            <a:ext cx="7737476" cy="3116342"/>
          </a:xfrm>
        </p:spPr>
        <p:txBody>
          <a:bodyPr/>
          <a:lstStyle/>
          <a:p>
            <a:r>
              <a:rPr lang="de-DE" smtClean="0"/>
              <a:t>Diagramm durch Klicken auf Symbol hinzufügen</a:t>
            </a:r>
            <a:endParaRPr lang="de-AT" dirty="0"/>
          </a:p>
        </p:txBody>
      </p:sp>
    </p:spTree>
    <p:extLst>
      <p:ext uri="{BB962C8B-B14F-4D97-AF65-F5344CB8AC3E}">
        <p14:creationId xmlns:p14="http://schemas.microsoft.com/office/powerpoint/2010/main" val="28715921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gramm ohne Log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720000" y="324001"/>
            <a:ext cx="7715250" cy="522761"/>
          </a:xfrm>
        </p:spPr>
        <p:txBody>
          <a:bodyPr/>
          <a:lstStyle>
            <a:lvl1pPr>
              <a:lnSpc>
                <a:spcPct val="100000"/>
              </a:lnSpc>
              <a:defRPr sz="3000" baseline="0">
                <a:solidFill>
                  <a:srgbClr val="E4002D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AT" dirty="0"/>
          </a:p>
        </p:txBody>
      </p:sp>
      <p:sp>
        <p:nvSpPr>
          <p:cNvPr id="8" name="Diagrammplatzhalter 7"/>
          <p:cNvSpPr>
            <a:spLocks noGrp="1"/>
          </p:cNvSpPr>
          <p:nvPr>
            <p:ph type="chart" sz="quarter" idx="11"/>
          </p:nvPr>
        </p:nvSpPr>
        <p:spPr>
          <a:xfrm>
            <a:off x="720000" y="987574"/>
            <a:ext cx="7737476" cy="3965426"/>
          </a:xfrm>
        </p:spPr>
        <p:txBody>
          <a:bodyPr/>
          <a:lstStyle/>
          <a:p>
            <a:r>
              <a:rPr lang="de-DE" smtClean="0"/>
              <a:t>Diagramm durch Klicken auf Symbol hinzufügen</a:t>
            </a:r>
            <a:endParaRPr lang="de-AT" dirty="0"/>
          </a:p>
        </p:txBody>
      </p:sp>
    </p:spTree>
    <p:extLst>
      <p:ext uri="{BB962C8B-B14F-4D97-AF65-F5344CB8AC3E}">
        <p14:creationId xmlns:p14="http://schemas.microsoft.com/office/powerpoint/2010/main" val="315600712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abelle+Log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9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148013"/>
            <a:ext cx="9144000" cy="2159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720000" y="324001"/>
            <a:ext cx="7715250" cy="522761"/>
          </a:xfrm>
        </p:spPr>
        <p:txBody>
          <a:bodyPr/>
          <a:lstStyle>
            <a:lvl1pPr>
              <a:lnSpc>
                <a:spcPct val="100000"/>
              </a:lnSpc>
              <a:defRPr sz="3000" baseline="0">
                <a:solidFill>
                  <a:srgbClr val="E4002D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AT" dirty="0"/>
          </a:p>
        </p:txBody>
      </p:sp>
      <p:pic>
        <p:nvPicPr>
          <p:cNvPr id="6" name="Grafik 12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18425" y="4321175"/>
            <a:ext cx="1030288" cy="482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abellenplatzhalter 3"/>
          <p:cNvSpPr>
            <a:spLocks noGrp="1"/>
          </p:cNvSpPr>
          <p:nvPr>
            <p:ph type="tbl" sz="quarter" idx="12"/>
          </p:nvPr>
        </p:nvSpPr>
        <p:spPr>
          <a:xfrm>
            <a:off x="720000" y="987575"/>
            <a:ext cx="7737476" cy="3116342"/>
          </a:xfrm>
        </p:spPr>
        <p:txBody>
          <a:bodyPr/>
          <a:lstStyle/>
          <a:p>
            <a:r>
              <a:rPr lang="de-DE" smtClean="0"/>
              <a:t>Tabelle durch Klicken auf Symbol hinzufügen</a:t>
            </a:r>
            <a:endParaRPr lang="de-AT"/>
          </a:p>
        </p:txBody>
      </p:sp>
    </p:spTree>
    <p:extLst>
      <p:ext uri="{BB962C8B-B14F-4D97-AF65-F5344CB8AC3E}">
        <p14:creationId xmlns:p14="http://schemas.microsoft.com/office/powerpoint/2010/main" val="422157321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abelle ohne Log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720000" y="324001"/>
            <a:ext cx="7715250" cy="522761"/>
          </a:xfrm>
        </p:spPr>
        <p:txBody>
          <a:bodyPr/>
          <a:lstStyle>
            <a:lvl1pPr>
              <a:lnSpc>
                <a:spcPct val="100000"/>
              </a:lnSpc>
              <a:defRPr sz="3000" baseline="0">
                <a:solidFill>
                  <a:srgbClr val="E4002D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AT" dirty="0"/>
          </a:p>
        </p:txBody>
      </p:sp>
      <p:sp>
        <p:nvSpPr>
          <p:cNvPr id="4" name="Tabellenplatzhalter 3"/>
          <p:cNvSpPr>
            <a:spLocks noGrp="1"/>
          </p:cNvSpPr>
          <p:nvPr>
            <p:ph type="tbl" sz="quarter" idx="12"/>
          </p:nvPr>
        </p:nvSpPr>
        <p:spPr>
          <a:xfrm>
            <a:off x="720000" y="987574"/>
            <a:ext cx="7737476" cy="3960440"/>
          </a:xfrm>
        </p:spPr>
        <p:txBody>
          <a:bodyPr/>
          <a:lstStyle/>
          <a:p>
            <a:r>
              <a:rPr lang="de-DE" smtClean="0"/>
              <a:t>Tabelle durch Klicken auf Symbol hinzufügen</a:t>
            </a:r>
            <a:endParaRPr lang="de-AT"/>
          </a:p>
        </p:txBody>
      </p:sp>
    </p:spTree>
    <p:extLst>
      <p:ext uri="{BB962C8B-B14F-4D97-AF65-F5344CB8AC3E}">
        <p14:creationId xmlns:p14="http://schemas.microsoft.com/office/powerpoint/2010/main" val="177849603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martArt+Log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9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148013"/>
            <a:ext cx="9144000" cy="2159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720000" y="324001"/>
            <a:ext cx="7715250" cy="522761"/>
          </a:xfrm>
        </p:spPr>
        <p:txBody>
          <a:bodyPr/>
          <a:lstStyle>
            <a:lvl1pPr>
              <a:lnSpc>
                <a:spcPct val="100000"/>
              </a:lnSpc>
              <a:defRPr sz="3000" baseline="0">
                <a:solidFill>
                  <a:srgbClr val="E4002D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AT" dirty="0"/>
          </a:p>
        </p:txBody>
      </p:sp>
      <p:pic>
        <p:nvPicPr>
          <p:cNvPr id="6" name="Grafik 12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18425" y="4321175"/>
            <a:ext cx="1030288" cy="482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SmartArt-Platzhalter 6"/>
          <p:cNvSpPr>
            <a:spLocks noGrp="1"/>
          </p:cNvSpPr>
          <p:nvPr>
            <p:ph type="dgm" sz="quarter" idx="13"/>
          </p:nvPr>
        </p:nvSpPr>
        <p:spPr>
          <a:xfrm>
            <a:off x="720000" y="1059582"/>
            <a:ext cx="7737476" cy="3044335"/>
          </a:xfrm>
        </p:spPr>
        <p:txBody>
          <a:bodyPr/>
          <a:lstStyle/>
          <a:p>
            <a:r>
              <a:rPr lang="de-DE" smtClean="0"/>
              <a:t>Klicken Sie auf das Symbol, um die SmartArt-Grafik hinzuzufügen</a:t>
            </a:r>
            <a:endParaRPr lang="de-AT" dirty="0"/>
          </a:p>
        </p:txBody>
      </p:sp>
    </p:spTree>
    <p:extLst>
      <p:ext uri="{BB962C8B-B14F-4D97-AF65-F5344CB8AC3E}">
        <p14:creationId xmlns:p14="http://schemas.microsoft.com/office/powerpoint/2010/main" val="426262960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martArt ohne Log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720000" y="324001"/>
            <a:ext cx="7715250" cy="522761"/>
          </a:xfrm>
        </p:spPr>
        <p:txBody>
          <a:bodyPr/>
          <a:lstStyle>
            <a:lvl1pPr>
              <a:lnSpc>
                <a:spcPct val="100000"/>
              </a:lnSpc>
              <a:defRPr sz="3000" baseline="0">
                <a:solidFill>
                  <a:srgbClr val="E4002D"/>
                </a:solidFill>
              </a:defRPr>
            </a:lvl1pPr>
          </a:lstStyle>
          <a:p>
            <a:r>
              <a:rPr lang="de-DE" smtClean="0"/>
              <a:t>Titelmasterformat durch Klicken bearbeiten</a:t>
            </a:r>
            <a:endParaRPr lang="de-AT" dirty="0"/>
          </a:p>
        </p:txBody>
      </p:sp>
      <p:sp>
        <p:nvSpPr>
          <p:cNvPr id="5" name="SmartArt-Platzhalter 4"/>
          <p:cNvSpPr>
            <a:spLocks noGrp="1"/>
          </p:cNvSpPr>
          <p:nvPr>
            <p:ph type="dgm" sz="quarter" idx="13"/>
          </p:nvPr>
        </p:nvSpPr>
        <p:spPr>
          <a:xfrm>
            <a:off x="720000" y="987574"/>
            <a:ext cx="7737476" cy="3960440"/>
          </a:xfrm>
        </p:spPr>
        <p:txBody>
          <a:bodyPr/>
          <a:lstStyle/>
          <a:p>
            <a:r>
              <a:rPr lang="de-DE" smtClean="0"/>
              <a:t>Klicken Sie auf das Symbol, um die SmartArt-Grafik hinzuzufügen</a:t>
            </a:r>
            <a:endParaRPr lang="de-AT" dirty="0"/>
          </a:p>
        </p:txBody>
      </p:sp>
    </p:spTree>
    <p:extLst>
      <p:ext uri="{BB962C8B-B14F-4D97-AF65-F5344CB8AC3E}">
        <p14:creationId xmlns:p14="http://schemas.microsoft.com/office/powerpoint/2010/main" val="357658534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15.xml"/><Relationship Id="rId7" Type="http://schemas.openxmlformats.org/officeDocument/2006/relationships/image" Target="../media/image5.png"/><Relationship Id="rId2" Type="http://schemas.openxmlformats.org/officeDocument/2006/relationships/slideLayout" Target="../slideLayouts/slideLayout14.xml"/><Relationship Id="rId1" Type="http://schemas.openxmlformats.org/officeDocument/2006/relationships/slideLayout" Target="../slideLayouts/slideLayout13.xml"/><Relationship Id="rId6" Type="http://schemas.openxmlformats.org/officeDocument/2006/relationships/image" Target="../media/image4.jpeg"/><Relationship Id="rId5" Type="http://schemas.openxmlformats.org/officeDocument/2006/relationships/theme" Target="../theme/theme2.xml"/><Relationship Id="rId4" Type="http://schemas.openxmlformats.org/officeDocument/2006/relationships/slideLayout" Target="../slideLayouts/slideLayout16.xml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theme" Target="../theme/theme3.xml"/><Relationship Id="rId2" Type="http://schemas.openxmlformats.org/officeDocument/2006/relationships/slideLayout" Target="../slideLayouts/slideLayout18.xml"/><Relationship Id="rId1" Type="http://schemas.openxmlformats.org/officeDocument/2006/relationships/slideLayout" Target="../slideLayouts/slideLayout17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jpeg"/><Relationship Id="rId3" Type="http://schemas.openxmlformats.org/officeDocument/2006/relationships/slideLayout" Target="../slideLayouts/slideLayout21.xml"/><Relationship Id="rId7" Type="http://schemas.openxmlformats.org/officeDocument/2006/relationships/theme" Target="../theme/theme4.xml"/><Relationship Id="rId2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9.xml"/><Relationship Id="rId6" Type="http://schemas.openxmlformats.org/officeDocument/2006/relationships/slideLayout" Target="../slideLayouts/slideLayout24.xml"/><Relationship Id="rId5" Type="http://schemas.openxmlformats.org/officeDocument/2006/relationships/slideLayout" Target="../slideLayouts/slideLayout23.xml"/><Relationship Id="rId4" Type="http://schemas.openxmlformats.org/officeDocument/2006/relationships/slideLayout" Target="../slideLayouts/slideLayout22.xml"/><Relationship Id="rId9" Type="http://schemas.openxmlformats.org/officeDocument/2006/relationships/image" Target="../media/image5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8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720725" y="323850"/>
            <a:ext cx="7715250" cy="857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altLang="de-DE" dirty="0" smtClean="0"/>
              <a:t>Mastertitelformat bearbeiten</a:t>
            </a:r>
          </a:p>
        </p:txBody>
      </p:sp>
      <p:sp>
        <p:nvSpPr>
          <p:cNvPr id="2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720725" y="1350963"/>
            <a:ext cx="7737475" cy="27527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altLang="de-DE" dirty="0" smtClean="0"/>
              <a:t>Mastertextformat bearbeiten</a:t>
            </a:r>
          </a:p>
          <a:p>
            <a:pPr lvl="1"/>
            <a:r>
              <a:rPr lang="de-DE" altLang="de-DE" dirty="0" smtClean="0"/>
              <a:t>Zweite Ebene</a:t>
            </a:r>
          </a:p>
          <a:p>
            <a:pPr lvl="2"/>
            <a:r>
              <a:rPr lang="de-DE" altLang="de-DE" dirty="0" smtClean="0"/>
              <a:t>Dritte Ebene</a:t>
            </a:r>
          </a:p>
          <a:p>
            <a:pPr lvl="3"/>
            <a:r>
              <a:rPr lang="de-DE" altLang="de-DE" dirty="0" smtClean="0"/>
              <a:t>Vierte Ebene</a:t>
            </a:r>
          </a:p>
          <a:p>
            <a:pPr lvl="4"/>
            <a:r>
              <a:rPr lang="de-DE" altLang="de-DE" dirty="0" smtClean="0"/>
              <a:t>Fünfte Ebene</a:t>
            </a:r>
          </a:p>
        </p:txBody>
      </p:sp>
      <p:sp>
        <p:nvSpPr>
          <p:cNvPr id="1031" name="Rectangle 18"/>
          <p:cNvSpPr>
            <a:spLocks noChangeArrowheads="1"/>
          </p:cNvSpPr>
          <p:nvPr/>
        </p:nvSpPr>
        <p:spPr bwMode="auto">
          <a:xfrm>
            <a:off x="7956550" y="4872038"/>
            <a:ext cx="874713" cy="2921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bIns="144000" anchor="b"/>
          <a:lstStyle>
            <a:lvl1pPr eaLnBrk="0" hangingPunct="0">
              <a:defRPr sz="3200" b="1">
                <a:solidFill>
                  <a:srgbClr val="DE0000"/>
                </a:solidFill>
                <a:latin typeface="AMS" pitchFamily="34" charset="0"/>
                <a:cs typeface="Arial" panose="020B0604020202020204" pitchFamily="34" charset="0"/>
              </a:defRPr>
            </a:lvl1pPr>
            <a:lvl2pPr marL="742950" indent="-285750" eaLnBrk="0" hangingPunct="0">
              <a:defRPr sz="3200" b="1">
                <a:solidFill>
                  <a:srgbClr val="DE0000"/>
                </a:solidFill>
                <a:latin typeface="AMS" pitchFamily="34" charset="0"/>
                <a:cs typeface="Arial" panose="020B0604020202020204" pitchFamily="34" charset="0"/>
              </a:defRPr>
            </a:lvl2pPr>
            <a:lvl3pPr marL="1143000" indent="-228600" eaLnBrk="0" hangingPunct="0">
              <a:defRPr sz="3200" b="1">
                <a:solidFill>
                  <a:srgbClr val="DE0000"/>
                </a:solidFill>
                <a:latin typeface="AMS" pitchFamily="34" charset="0"/>
                <a:cs typeface="Arial" panose="020B0604020202020204" pitchFamily="34" charset="0"/>
              </a:defRPr>
            </a:lvl3pPr>
            <a:lvl4pPr marL="1600200" indent="-228600" eaLnBrk="0" hangingPunct="0">
              <a:defRPr sz="3200" b="1">
                <a:solidFill>
                  <a:srgbClr val="DE0000"/>
                </a:solidFill>
                <a:latin typeface="AMS" pitchFamily="34" charset="0"/>
                <a:cs typeface="Arial" panose="020B0604020202020204" pitchFamily="34" charset="0"/>
              </a:defRPr>
            </a:lvl4pPr>
            <a:lvl5pPr marL="2057400" indent="-228600" eaLnBrk="0" hangingPunct="0">
              <a:defRPr sz="3200" b="1">
                <a:solidFill>
                  <a:srgbClr val="DE0000"/>
                </a:solidFill>
                <a:latin typeface="AMS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itchFamily="34" charset="0"/>
                <a:cs typeface="Arial" panose="020B0604020202020204" pitchFamily="34" charset="0"/>
              </a:defRPr>
            </a:lvl9pPr>
          </a:lstStyle>
          <a:p>
            <a:pPr algn="r" eaLnBrk="1" hangingPunct="1"/>
            <a:fld id="{DBCBAF04-E7F5-4EDA-8CAA-2D970E32A2C6}" type="slidenum">
              <a:rPr lang="de-DE" altLang="de-DE" sz="1400" b="0">
                <a:solidFill>
                  <a:schemeClr val="bg1"/>
                </a:solidFill>
                <a:latin typeface="Arial" panose="020B0604020202020204" pitchFamily="34" charset="0"/>
              </a:rPr>
              <a:pPr algn="r" eaLnBrk="1" hangingPunct="1"/>
              <a:t>‹Nr.›</a:t>
            </a:fld>
            <a:endParaRPr lang="de-DE" altLang="de-DE" sz="1400" b="0">
              <a:solidFill>
                <a:schemeClr val="bg1"/>
              </a:solidFill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7492824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16" r:id="rId1"/>
    <p:sldLayoutId id="2147483817" r:id="rId2"/>
    <p:sldLayoutId id="2147483818" r:id="rId3"/>
    <p:sldLayoutId id="2147483819" r:id="rId4"/>
    <p:sldLayoutId id="2147483820" r:id="rId5"/>
    <p:sldLayoutId id="2147483821" r:id="rId6"/>
    <p:sldLayoutId id="2147483822" r:id="rId7"/>
    <p:sldLayoutId id="2147483823" r:id="rId8"/>
    <p:sldLayoutId id="2147483824" r:id="rId9"/>
    <p:sldLayoutId id="2147483825" r:id="rId10"/>
    <p:sldLayoutId id="2147483826" r:id="rId11"/>
    <p:sldLayoutId id="2147483841" r:id="rId12"/>
  </p:sldLayoutIdLst>
  <p:timing>
    <p:tnLst>
      <p:par>
        <p:cTn id="1" dur="indefinite" restart="never" nodeType="tmRoot"/>
      </p:par>
    </p:tnLst>
  </p:timing>
  <p:hf hdr="0" ftr="0" dt="0"/>
  <p:txStyles>
    <p:titleStyle>
      <a:lvl1pPr algn="l" rtl="0" eaLnBrk="1" fontAlgn="base" hangingPunct="1">
        <a:spcBef>
          <a:spcPct val="0"/>
        </a:spcBef>
        <a:spcAft>
          <a:spcPct val="0"/>
        </a:spcAft>
        <a:defRPr sz="3000" b="1" kern="100" spc="-100">
          <a:solidFill>
            <a:srgbClr val="E4002D"/>
          </a:solidFill>
          <a:latin typeface="Arial" panose="020B0604020202020204" pitchFamily="34" charset="0"/>
          <a:ea typeface="+mj-ea"/>
          <a:cs typeface="+mj-cs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3000" b="1">
          <a:solidFill>
            <a:srgbClr val="E4002D"/>
          </a:solidFill>
          <a:latin typeface="Arial" panose="020B0604020202020204" pitchFamily="34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3000" b="1">
          <a:solidFill>
            <a:srgbClr val="E4002D"/>
          </a:solidFill>
          <a:latin typeface="Arial" panose="020B0604020202020204" pitchFamily="34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3000" b="1">
          <a:solidFill>
            <a:srgbClr val="E4002D"/>
          </a:solidFill>
          <a:latin typeface="Arial" panose="020B0604020202020204" pitchFamily="34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3000" b="1">
          <a:solidFill>
            <a:srgbClr val="E4002D"/>
          </a:solidFill>
          <a:latin typeface="Arial" panose="020B0604020202020204" pitchFamily="34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Font typeface="Arial" panose="020B0604020202020204" pitchFamily="34" charset="0"/>
        <a:buChar char="&gt;"/>
        <a:defRPr sz="2800">
          <a:solidFill>
            <a:srgbClr val="004F9F"/>
          </a:solidFill>
          <a:latin typeface="Arial" panose="020B0604020202020204" pitchFamily="34" charset="0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har char="–"/>
        <a:defRPr sz="2000">
          <a:solidFill>
            <a:srgbClr val="004F9F"/>
          </a:solidFill>
          <a:latin typeface="+mn-lt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har char="•"/>
        <a:defRPr>
          <a:solidFill>
            <a:srgbClr val="004F9F"/>
          </a:solidFill>
          <a:latin typeface="+mn-lt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har char="–"/>
        <a:defRPr>
          <a:solidFill>
            <a:srgbClr val="004F9F"/>
          </a:solidFill>
          <a:latin typeface="+mn-lt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4F9F"/>
          </a:solidFill>
          <a:latin typeface="+mn-lt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Grafik 9">
            <a:extLst>
              <a:ext uri="{FF2B5EF4-FFF2-40B4-BE49-F238E27FC236}">
                <a16:creationId xmlns:a16="http://schemas.microsoft.com/office/drawing/2014/main" id="{8A9D09CF-31E2-CA40-85D1-791B28470B99}"/>
              </a:ext>
            </a:extLst>
          </p:cNvPr>
          <p:cNvPicPr>
            <a:picLocks noChangeAspect="1"/>
          </p:cNvPicPr>
          <p:nvPr userDrawn="1"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7573"/>
          <a:stretch>
            <a:fillRect/>
          </a:stretch>
        </p:blipFill>
        <p:spPr bwMode="auto">
          <a:xfrm>
            <a:off x="0" y="3148013"/>
            <a:ext cx="9144000" cy="1995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27" name="Rectangle 2">
            <a:extLst>
              <a:ext uri="{FF2B5EF4-FFF2-40B4-BE49-F238E27FC236}">
                <a16:creationId xmlns:a16="http://schemas.microsoft.com/office/drawing/2014/main" id="{9407FD7D-D707-954C-9380-EEE6F153F84B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 bwMode="auto">
          <a:xfrm>
            <a:off x="720725" y="360000"/>
            <a:ext cx="7715250" cy="787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altLang="de-DE" dirty="0"/>
              <a:t>Mastertitelformat bearbeiten</a:t>
            </a:r>
          </a:p>
        </p:txBody>
      </p:sp>
      <p:sp>
        <p:nvSpPr>
          <p:cNvPr id="1028" name="Rectangle 3">
            <a:extLst>
              <a:ext uri="{FF2B5EF4-FFF2-40B4-BE49-F238E27FC236}">
                <a16:creationId xmlns:a16="http://schemas.microsoft.com/office/drawing/2014/main" id="{CEFAC36A-AEBC-4A45-90E6-8D55FBF68F18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xfrm>
            <a:off x="720725" y="1131888"/>
            <a:ext cx="7737475" cy="27527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altLang="de-DE"/>
              <a:t>Mastertextformat bearbeiten</a:t>
            </a:r>
          </a:p>
          <a:p>
            <a:pPr lvl="1"/>
            <a:r>
              <a:rPr lang="de-DE" altLang="de-DE"/>
              <a:t>Zweite Ebene</a:t>
            </a:r>
          </a:p>
          <a:p>
            <a:pPr lvl="2"/>
            <a:r>
              <a:rPr lang="de-DE" altLang="de-DE"/>
              <a:t>Dritte Ebene</a:t>
            </a:r>
          </a:p>
          <a:p>
            <a:pPr lvl="3"/>
            <a:r>
              <a:rPr lang="de-DE" altLang="de-DE"/>
              <a:t>Vierte Ebene</a:t>
            </a:r>
          </a:p>
          <a:p>
            <a:pPr lvl="4"/>
            <a:r>
              <a:rPr lang="de-DE" altLang="de-DE"/>
              <a:t>Fünfte Ebene</a:t>
            </a:r>
          </a:p>
        </p:txBody>
      </p:sp>
      <p:sp>
        <p:nvSpPr>
          <p:cNvPr id="1031" name="Rectangle 18">
            <a:extLst>
              <a:ext uri="{FF2B5EF4-FFF2-40B4-BE49-F238E27FC236}">
                <a16:creationId xmlns:a16="http://schemas.microsoft.com/office/drawing/2014/main" id="{17A32655-BB10-D645-9513-36958C1A9BA6}"/>
              </a:ext>
            </a:extLst>
          </p:cNvPr>
          <p:cNvSpPr>
            <a:spLocks noChangeArrowheads="1"/>
          </p:cNvSpPr>
          <p:nvPr/>
        </p:nvSpPr>
        <p:spPr bwMode="auto">
          <a:xfrm>
            <a:off x="7956550" y="4872038"/>
            <a:ext cx="874713" cy="292100"/>
          </a:xfrm>
          <a:prstGeom prst="rect">
            <a:avLst/>
          </a:prstGeom>
          <a:noFill/>
          <a:ln>
            <a:noFill/>
          </a:ln>
          <a:effectLst/>
        </p:spPr>
        <p:txBody>
          <a:bodyPr bIns="144000" anchor="b"/>
          <a:lstStyle>
            <a:lvl1pPr eaLnBrk="0" hangingPunct="0"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1pPr>
            <a:lvl2pPr marL="742950" indent="-285750" eaLnBrk="0" hangingPunct="0"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2pPr>
            <a:lvl3pPr marL="1143000" indent="-228600" eaLnBrk="0" hangingPunct="0"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3pPr>
            <a:lvl4pPr marL="1600200" indent="-228600" eaLnBrk="0" hangingPunct="0"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4pPr>
            <a:lvl5pPr marL="2057400" indent="-228600" eaLnBrk="0" hangingPunct="0"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9pPr>
          </a:lstStyle>
          <a:p>
            <a:pPr algn="r" eaLnBrk="1" hangingPunct="1">
              <a:defRPr/>
            </a:pPr>
            <a:fld id="{F9C89BAC-F3D0-E943-B25F-451DD40CE4E6}" type="slidenum">
              <a:rPr lang="de-DE" altLang="de-DE" sz="1400" b="0" smtClean="0">
                <a:solidFill>
                  <a:schemeClr val="bg1"/>
                </a:solidFill>
              </a:rPr>
              <a:pPr algn="r" eaLnBrk="1" hangingPunct="1">
                <a:defRPr/>
              </a:pPr>
              <a:t>‹Nr.›</a:t>
            </a:fld>
            <a:endParaRPr lang="de-DE" altLang="de-DE" sz="1400" b="0">
              <a:solidFill>
                <a:schemeClr val="bg1"/>
              </a:solidFill>
            </a:endParaRPr>
          </a:p>
        </p:txBody>
      </p:sp>
      <p:sp>
        <p:nvSpPr>
          <p:cNvPr id="11" name="Foliennummernplatzhalter 11">
            <a:extLst>
              <a:ext uri="{FF2B5EF4-FFF2-40B4-BE49-F238E27FC236}">
                <a16:creationId xmlns:a16="http://schemas.microsoft.com/office/drawing/2014/main" id="{22B597D8-F5BA-D445-B5D1-016A31EEE28F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20725" y="4746625"/>
            <a:ext cx="1846263" cy="273050"/>
          </a:xfrm>
          <a:prstGeom prst="rect">
            <a:avLst/>
          </a:prstGeom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000" b="0" baseline="0">
                <a:solidFill>
                  <a:srgbClr val="7F7F7F"/>
                </a:solidFill>
                <a:latin typeface="Arial" panose="020B0604020202020204" pitchFamily="34" charset="0"/>
              </a:defRPr>
            </a:lvl1pPr>
          </a:lstStyle>
          <a:p>
            <a:pPr>
              <a:defRPr/>
            </a:pPr>
            <a:fld id="{1445C139-850F-0F4A-91F1-1DD10794048A}" type="slidenum">
              <a:rPr lang="de-AT" altLang="de-DE" smtClean="0"/>
              <a:pPr>
                <a:defRPr/>
              </a:pPr>
              <a:t>‹Nr.›</a:t>
            </a:fld>
            <a:endParaRPr lang="de-AT" altLang="de-DE" dirty="0"/>
          </a:p>
        </p:txBody>
      </p:sp>
      <p:pic>
        <p:nvPicPr>
          <p:cNvPr id="2" name="Grafik 12">
            <a:extLst>
              <a:ext uri="{FF2B5EF4-FFF2-40B4-BE49-F238E27FC236}">
                <a16:creationId xmlns:a16="http://schemas.microsoft.com/office/drawing/2014/main" id="{63A7579D-0731-174D-A81D-2CF793905FBD}"/>
              </a:ext>
            </a:extLst>
          </p:cNvPr>
          <p:cNvPicPr>
            <a:picLocks noChangeAspect="1"/>
          </p:cNvPicPr>
          <p:nvPr userDrawn="1"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18425" y="4321175"/>
            <a:ext cx="1030288" cy="482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23579771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33" r:id="rId1"/>
    <p:sldLayoutId id="2147483834" r:id="rId2"/>
    <p:sldLayoutId id="2147483835" r:id="rId3"/>
    <p:sldLayoutId id="2147483836" r:id="rId4"/>
  </p:sldLayoutIdLst>
  <p:hf hdr="0" ftr="0" dt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800" b="1" baseline="0">
          <a:solidFill>
            <a:srgbClr val="004F9F"/>
          </a:solidFill>
          <a:latin typeface="Arial" panose="020B0604020202020204" pitchFamily="34" charset="0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3000" b="1">
          <a:solidFill>
            <a:srgbClr val="004F9F"/>
          </a:solidFill>
          <a:latin typeface="Arial" panose="020B0604020202020204" pitchFamily="34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3000" b="1">
          <a:solidFill>
            <a:srgbClr val="004F9F"/>
          </a:solidFill>
          <a:latin typeface="Arial" panose="020B0604020202020204" pitchFamily="34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3000" b="1">
          <a:solidFill>
            <a:srgbClr val="004F9F"/>
          </a:solidFill>
          <a:latin typeface="Arial" panose="020B0604020202020204" pitchFamily="34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3000" b="1">
          <a:solidFill>
            <a:srgbClr val="004F9F"/>
          </a:solidFill>
          <a:latin typeface="Arial" panose="020B0604020202020204" pitchFamily="34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&gt;"/>
        <a:defRPr sz="2400">
          <a:solidFill>
            <a:srgbClr val="004F9F"/>
          </a:solidFill>
          <a:latin typeface="Arial" panose="020B0604020202020204" pitchFamily="34" charset="0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rgbClr val="004F9F"/>
          </a:solidFill>
          <a:latin typeface="Arial" panose="020B0604020202020204" pitchFamily="34" charset="0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>
          <a:solidFill>
            <a:srgbClr val="004F9F"/>
          </a:solidFill>
          <a:latin typeface="Arial" panose="020B0604020202020204" pitchFamily="34" charset="0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>
          <a:solidFill>
            <a:srgbClr val="004F9F"/>
          </a:solidFill>
          <a:latin typeface="Arial" panose="020B0604020202020204" pitchFamily="34" charset="0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1600">
          <a:solidFill>
            <a:srgbClr val="004F9F"/>
          </a:solidFill>
          <a:latin typeface="Arial" panose="020B0604020202020204" pitchFamily="34" charset="0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10334058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39" r:id="rId1"/>
    <p:sldLayoutId id="2147483840" r:id="rId2"/>
  </p:sldLayoutIdLst>
  <p:hf hdr="0" ft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33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3300">
          <a:solidFill>
            <a:schemeClr val="tx1"/>
          </a:solidFill>
          <a:latin typeface="Calibri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3300">
          <a:solidFill>
            <a:schemeClr val="tx1"/>
          </a:solidFill>
          <a:latin typeface="Calibri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3300">
          <a:solidFill>
            <a:schemeClr val="tx1"/>
          </a:solidFill>
          <a:latin typeface="Calibri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3300">
          <a:solidFill>
            <a:schemeClr val="tx1"/>
          </a:solidFill>
          <a:latin typeface="Calibri" pitchFamily="34" charset="0"/>
        </a:defRPr>
      </a:lvl5pPr>
      <a:lvl6pPr marL="342900" algn="ctr" rtl="0" fontAlgn="base">
        <a:spcBef>
          <a:spcPct val="0"/>
        </a:spcBef>
        <a:spcAft>
          <a:spcPct val="0"/>
        </a:spcAft>
        <a:defRPr sz="3300">
          <a:solidFill>
            <a:schemeClr val="tx1"/>
          </a:solidFill>
          <a:latin typeface="Calibri" pitchFamily="34" charset="0"/>
        </a:defRPr>
      </a:lvl6pPr>
      <a:lvl7pPr marL="685800" algn="ctr" rtl="0" fontAlgn="base">
        <a:spcBef>
          <a:spcPct val="0"/>
        </a:spcBef>
        <a:spcAft>
          <a:spcPct val="0"/>
        </a:spcAft>
        <a:defRPr sz="3300">
          <a:solidFill>
            <a:schemeClr val="tx1"/>
          </a:solidFill>
          <a:latin typeface="Calibri" pitchFamily="34" charset="0"/>
        </a:defRPr>
      </a:lvl7pPr>
      <a:lvl8pPr marL="1028700" algn="ctr" rtl="0" fontAlgn="base">
        <a:spcBef>
          <a:spcPct val="0"/>
        </a:spcBef>
        <a:spcAft>
          <a:spcPct val="0"/>
        </a:spcAft>
        <a:defRPr sz="3300">
          <a:solidFill>
            <a:schemeClr val="tx1"/>
          </a:solidFill>
          <a:latin typeface="Calibri" pitchFamily="34" charset="0"/>
        </a:defRPr>
      </a:lvl8pPr>
      <a:lvl9pPr marL="1371600" algn="ctr" rtl="0" fontAlgn="base">
        <a:spcBef>
          <a:spcPct val="0"/>
        </a:spcBef>
        <a:spcAft>
          <a:spcPct val="0"/>
        </a:spcAft>
        <a:defRPr sz="3300">
          <a:solidFill>
            <a:schemeClr val="tx1"/>
          </a:solidFill>
          <a:latin typeface="Calibri" pitchFamily="34" charset="0"/>
        </a:defRPr>
      </a:lvl9pPr>
    </p:titleStyle>
    <p:bodyStyle>
      <a:lvl1pPr marL="257175" indent="-257175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557213" indent="-214313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100" kern="1200">
          <a:solidFill>
            <a:schemeClr val="tx1"/>
          </a:solidFill>
          <a:latin typeface="+mn-lt"/>
          <a:ea typeface="+mn-ea"/>
          <a:cs typeface="+mn-cs"/>
        </a:defRPr>
      </a:lvl2pPr>
      <a:lvl3pPr marL="857250" indent="-17145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150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sz="150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spcBef>
          <a:spcPct val="20000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spcBef>
          <a:spcPct val="20000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spcBef>
          <a:spcPct val="20000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spcBef>
          <a:spcPct val="20000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Grafik 9"/>
          <p:cNvPicPr>
            <a:picLocks noChangeAspect="1"/>
          </p:cNvPicPr>
          <p:nvPr userDrawn="1"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7573"/>
          <a:stretch>
            <a:fillRect/>
          </a:stretch>
        </p:blipFill>
        <p:spPr bwMode="auto">
          <a:xfrm>
            <a:off x="0" y="3148013"/>
            <a:ext cx="9144000" cy="1995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27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720725" y="323850"/>
            <a:ext cx="7715250" cy="787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altLang="de-DE"/>
              <a:t>Mastertitelformat bearbeiten</a:t>
            </a:r>
          </a:p>
        </p:txBody>
      </p:sp>
      <p:sp>
        <p:nvSpPr>
          <p:cNvPr id="1028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720725" y="1131888"/>
            <a:ext cx="7737475" cy="27527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altLang="de-DE"/>
              <a:t>Mastertextformat bearbeiten</a:t>
            </a:r>
          </a:p>
          <a:p>
            <a:pPr lvl="1"/>
            <a:r>
              <a:rPr lang="de-DE" altLang="de-DE"/>
              <a:t>Zweite Ebene</a:t>
            </a:r>
          </a:p>
          <a:p>
            <a:pPr lvl="2"/>
            <a:r>
              <a:rPr lang="de-DE" altLang="de-DE"/>
              <a:t>Dritte Ebene</a:t>
            </a:r>
          </a:p>
          <a:p>
            <a:pPr lvl="3"/>
            <a:r>
              <a:rPr lang="de-DE" altLang="de-DE"/>
              <a:t>Vierte Ebene</a:t>
            </a:r>
          </a:p>
          <a:p>
            <a:pPr lvl="4"/>
            <a:r>
              <a:rPr lang="de-DE" altLang="de-DE"/>
              <a:t>Fünfte Ebene</a:t>
            </a:r>
          </a:p>
        </p:txBody>
      </p:sp>
      <p:sp>
        <p:nvSpPr>
          <p:cNvPr id="1031" name="Rectangle 18"/>
          <p:cNvSpPr>
            <a:spLocks noChangeArrowheads="1"/>
          </p:cNvSpPr>
          <p:nvPr/>
        </p:nvSpPr>
        <p:spPr bwMode="auto">
          <a:xfrm>
            <a:off x="7956550" y="4872038"/>
            <a:ext cx="874713" cy="292100"/>
          </a:xfrm>
          <a:prstGeom prst="rect">
            <a:avLst/>
          </a:prstGeom>
          <a:noFill/>
          <a:ln>
            <a:noFill/>
          </a:ln>
          <a:effectLst/>
        </p:spPr>
        <p:txBody>
          <a:bodyPr bIns="144000" anchor="b"/>
          <a:lstStyle>
            <a:lvl1pPr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1pPr>
            <a:lvl2pPr marL="742950" indent="-285750"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2pPr>
            <a:lvl3pPr marL="1143000" indent="-228600"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3pPr>
            <a:lvl4pPr marL="1600200" indent="-228600"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4pPr>
            <a:lvl5pPr marL="2057400" indent="-228600"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3200" b="1">
                <a:solidFill>
                  <a:srgbClr val="DE0000"/>
                </a:solidFill>
                <a:latin typeface="AMS" panose="020B0604020202020204" pitchFamily="34" charset="0"/>
                <a:cs typeface="Arial" panose="020B0604020202020204" pitchFamily="34" charset="0"/>
              </a:defRPr>
            </a:lvl9pPr>
          </a:lstStyle>
          <a:p>
            <a:pPr algn="r" eaLnBrk="1" hangingPunct="1">
              <a:defRPr/>
            </a:pPr>
            <a:fld id="{F5F95286-E9B6-4B04-A68A-D8EB154EBFDC}" type="slidenum">
              <a:rPr lang="de-DE" altLang="de-DE" sz="1400" b="0" smtClean="0">
                <a:solidFill>
                  <a:schemeClr val="bg1"/>
                </a:solidFill>
              </a:rPr>
              <a:pPr algn="r" eaLnBrk="1" hangingPunct="1">
                <a:defRPr/>
              </a:pPr>
              <a:t>‹Nr.›</a:t>
            </a:fld>
            <a:endParaRPr lang="de-DE" altLang="de-DE" sz="1400" b="0">
              <a:solidFill>
                <a:schemeClr val="bg1"/>
              </a:solidFill>
            </a:endParaRPr>
          </a:p>
        </p:txBody>
      </p:sp>
      <p:sp>
        <p:nvSpPr>
          <p:cNvPr id="11" name="Foliennummernplatzhalter 11"/>
          <p:cNvSpPr>
            <a:spLocks noGrp="1"/>
          </p:cNvSpPr>
          <p:nvPr>
            <p:ph type="sldNum" sz="quarter" idx="4"/>
          </p:nvPr>
        </p:nvSpPr>
        <p:spPr>
          <a:xfrm>
            <a:off x="720725" y="4746625"/>
            <a:ext cx="1846263" cy="273050"/>
          </a:xfrm>
          <a:prstGeom prst="rect">
            <a:avLst/>
          </a:prstGeom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000" b="0" smtClean="0">
                <a:solidFill>
                  <a:srgbClr val="7F7F7F"/>
                </a:solidFill>
                <a:latin typeface="Arial" panose="020B0604020202020204" pitchFamily="34" charset="0"/>
              </a:defRPr>
            </a:lvl1pPr>
          </a:lstStyle>
          <a:p>
            <a:pPr>
              <a:defRPr/>
            </a:pPr>
            <a:fld id="{7D4AE791-2C91-42DA-9814-3F1E563C75E4}" type="slidenum">
              <a:rPr lang="de-AT" altLang="de-DE"/>
              <a:pPr>
                <a:defRPr/>
              </a:pPr>
              <a:t>‹Nr.›</a:t>
            </a:fld>
            <a:endParaRPr lang="de-AT" altLang="de-DE"/>
          </a:p>
        </p:txBody>
      </p:sp>
      <p:pic>
        <p:nvPicPr>
          <p:cNvPr id="2" name="Grafik 12"/>
          <p:cNvPicPr>
            <a:picLocks noChangeAspect="1"/>
          </p:cNvPicPr>
          <p:nvPr userDrawn="1"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18425" y="4321175"/>
            <a:ext cx="1030288" cy="482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2762289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43" r:id="rId1"/>
    <p:sldLayoutId id="2147483844" r:id="rId2"/>
    <p:sldLayoutId id="2147483845" r:id="rId3"/>
    <p:sldLayoutId id="2147483846" r:id="rId4"/>
    <p:sldLayoutId id="2147483847" r:id="rId5"/>
    <p:sldLayoutId id="2147483848" r:id="rId6"/>
  </p:sldLayoutIdLst>
  <p:hf hdr="0" ftr="0" dt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3000" b="1">
          <a:solidFill>
            <a:srgbClr val="004F9F"/>
          </a:solidFill>
          <a:latin typeface="Arial" panose="020B0604020202020204" pitchFamily="34" charset="0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3000" b="1">
          <a:solidFill>
            <a:srgbClr val="004F9F"/>
          </a:solidFill>
          <a:latin typeface="Arial" panose="020B0604020202020204" pitchFamily="34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3000" b="1">
          <a:solidFill>
            <a:srgbClr val="004F9F"/>
          </a:solidFill>
          <a:latin typeface="Arial" panose="020B0604020202020204" pitchFamily="34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3000" b="1">
          <a:solidFill>
            <a:srgbClr val="004F9F"/>
          </a:solidFill>
          <a:latin typeface="Arial" panose="020B0604020202020204" pitchFamily="34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3000" b="1">
          <a:solidFill>
            <a:srgbClr val="004F9F"/>
          </a:solidFill>
          <a:latin typeface="Arial" panose="020B0604020202020204" pitchFamily="34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3200">
          <a:solidFill>
            <a:srgbClr val="DE0000"/>
          </a:solidFill>
          <a:latin typeface="AMS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&gt;"/>
        <a:defRPr sz="2400">
          <a:solidFill>
            <a:srgbClr val="004F9F"/>
          </a:solidFill>
          <a:latin typeface="Arial" panose="020B0604020202020204" pitchFamily="34" charset="0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rgbClr val="004F9F"/>
          </a:solidFill>
          <a:latin typeface="Arial" panose="020B0604020202020204" pitchFamily="34" charset="0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>
          <a:solidFill>
            <a:srgbClr val="004F9F"/>
          </a:solidFill>
          <a:latin typeface="Arial" panose="020B0604020202020204" pitchFamily="34" charset="0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>
          <a:solidFill>
            <a:srgbClr val="004F9F"/>
          </a:solidFill>
          <a:latin typeface="Arial" panose="020B0604020202020204" pitchFamily="34" charset="0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1600">
          <a:solidFill>
            <a:srgbClr val="004F9F"/>
          </a:solidFill>
          <a:latin typeface="Arial" panose="020B0604020202020204" pitchFamily="34" charset="0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har char="»"/>
        <a:defRPr sz="1600">
          <a:solidFill>
            <a:srgbClr val="000099"/>
          </a:solidFill>
          <a:latin typeface="+mn-lt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.xml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0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statistik.at/atlas/bev_prognose/#!y=2024&amp;a=16,60&amp;o=2024v1" TargetMode="External"/><Relationship Id="rId7" Type="http://schemas.openxmlformats.org/officeDocument/2006/relationships/image" Target="../media/image15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0.xml"/><Relationship Id="rId6" Type="http://schemas.openxmlformats.org/officeDocument/2006/relationships/image" Target="../media/image14.png"/><Relationship Id="rId5" Type="http://schemas.openxmlformats.org/officeDocument/2006/relationships/image" Target="../media/image13.png"/><Relationship Id="rId4" Type="http://schemas.openxmlformats.org/officeDocument/2006/relationships/hyperlink" Target="https://www.statistik.at/atlas/bev_prognose/#!y=2050&amp;a=16,60" TargetMode="Externa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0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2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0.xml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9.png"/><Relationship Id="rId3" Type="http://schemas.openxmlformats.org/officeDocument/2006/relationships/chart" Target="../charts/chart6.xml"/><Relationship Id="rId7" Type="http://schemas.openxmlformats.org/officeDocument/2006/relationships/image" Target="../media/image18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1.xml"/><Relationship Id="rId6" Type="http://schemas.openxmlformats.org/officeDocument/2006/relationships/chart" Target="../charts/chart9.xml"/><Relationship Id="rId5" Type="http://schemas.openxmlformats.org/officeDocument/2006/relationships/chart" Target="../charts/chart8.xml"/><Relationship Id="rId4" Type="http://schemas.openxmlformats.org/officeDocument/2006/relationships/chart" Target="../charts/chart7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4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emf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1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emf"/><Relationship Id="rId1" Type="http://schemas.openxmlformats.org/officeDocument/2006/relationships/slideLayout" Target="../slideLayouts/slideLayout18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1.xml"/><Relationship Id="rId4" Type="http://schemas.openxmlformats.org/officeDocument/2006/relationships/image" Target="../media/image11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1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1.xml"/><Relationship Id="rId4" Type="http://schemas.openxmlformats.org/officeDocument/2006/relationships/chart" Target="../charts/char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0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0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hteck 1"/>
          <p:cNvSpPr/>
          <p:nvPr/>
        </p:nvSpPr>
        <p:spPr>
          <a:xfrm>
            <a:off x="1143000" y="2807494"/>
            <a:ext cx="4617244" cy="540544"/>
          </a:xfrm>
          <a:prstGeom prst="rect">
            <a:avLst/>
          </a:prstGeom>
          <a:solidFill>
            <a:srgbClr val="E10032">
              <a:alpha val="9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lang="de-AT" dirty="0"/>
          </a:p>
        </p:txBody>
      </p:sp>
      <p:sp>
        <p:nvSpPr>
          <p:cNvPr id="3" name="Textfeld 6"/>
          <p:cNvSpPr txBox="1">
            <a:spLocks noChangeArrowheads="1"/>
          </p:cNvSpPr>
          <p:nvPr/>
        </p:nvSpPr>
        <p:spPr bwMode="auto">
          <a:xfrm>
            <a:off x="1086496" y="864990"/>
            <a:ext cx="6944815" cy="14430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/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sz="3200">
                <a:solidFill>
                  <a:schemeClr val="tx1"/>
                </a:solidFill>
                <a:latin typeface="Calibri" pitchFamily="34" charset="0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sz="2800">
                <a:solidFill>
                  <a:schemeClr val="tx1"/>
                </a:solidFill>
                <a:latin typeface="Calibri" pitchFamily="34" charset="0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sz="2400">
                <a:solidFill>
                  <a:schemeClr val="tx1"/>
                </a:solidFill>
                <a:latin typeface="Calibri" pitchFamily="34" charset="0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sz="2000">
                <a:solidFill>
                  <a:schemeClr val="tx1"/>
                </a:solidFill>
                <a:latin typeface="Calibri" pitchFamily="34" charset="0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9pPr>
          </a:lstStyle>
          <a:p>
            <a:pPr eaLnBrk="1" hangingPunct="1">
              <a:lnSpc>
                <a:spcPts val="5400"/>
              </a:lnSpc>
              <a:spcBef>
                <a:spcPct val="0"/>
              </a:spcBef>
              <a:buNone/>
              <a:defRPr/>
            </a:pPr>
            <a:r>
              <a:rPr lang="de-AT" altLang="de-DE" sz="4800" b="1" spc="-75" dirty="0" smtClean="0">
                <a:solidFill>
                  <a:schemeClr val="bg1"/>
                </a:solidFill>
                <a:latin typeface="AMS" pitchFamily="34" charset="0"/>
                <a:cs typeface="Arial" charset="0"/>
              </a:rPr>
              <a:t>18. </a:t>
            </a:r>
            <a:r>
              <a:rPr lang="de-AT" altLang="de-DE" sz="4800" b="1" spc="-75" dirty="0" smtClean="0">
                <a:solidFill>
                  <a:schemeClr val="bg1"/>
                </a:solidFill>
                <a:latin typeface="AMS" pitchFamily="34" charset="0"/>
                <a:cs typeface="Arial" charset="0"/>
              </a:rPr>
              <a:t>WIFI – Stiftungstreffen</a:t>
            </a:r>
            <a:endParaRPr lang="de-AT" altLang="de-DE" sz="4800" b="1" spc="-75" dirty="0">
              <a:solidFill>
                <a:schemeClr val="bg1"/>
              </a:solidFill>
              <a:latin typeface="AMS" pitchFamily="34" charset="0"/>
              <a:cs typeface="Arial" charset="0"/>
            </a:endParaRPr>
          </a:p>
        </p:txBody>
      </p:sp>
      <p:sp>
        <p:nvSpPr>
          <p:cNvPr id="4100" name="Textfeld 8"/>
          <p:cNvSpPr txBox="1">
            <a:spLocks noChangeArrowheads="1"/>
          </p:cNvSpPr>
          <p:nvPr/>
        </p:nvSpPr>
        <p:spPr bwMode="auto">
          <a:xfrm>
            <a:off x="1266089" y="2870643"/>
            <a:ext cx="4616054" cy="2702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r>
              <a:rPr lang="de-DE" altLang="de-DE" sz="1500" b="1" dirty="0" smtClean="0">
                <a:solidFill>
                  <a:schemeClr val="bg1"/>
                </a:solidFill>
                <a:latin typeface="AMS" panose="020B0604020202020204" pitchFamily="34" charset="0"/>
              </a:rPr>
              <a:t>Markus Litzlbauer, MBA</a:t>
            </a:r>
            <a:endParaRPr lang="de-AT" altLang="de-DE" sz="1500" b="1" dirty="0">
              <a:solidFill>
                <a:schemeClr val="bg1"/>
              </a:solidFill>
              <a:latin typeface="AMS" panose="020B0604020202020204" pitchFamily="34" charset="0"/>
            </a:endParaRPr>
          </a:p>
        </p:txBody>
      </p:sp>
      <p:sp>
        <p:nvSpPr>
          <p:cNvPr id="4101" name="Rechteck 4"/>
          <p:cNvSpPr>
            <a:spLocks noChangeArrowheads="1"/>
          </p:cNvSpPr>
          <p:nvPr/>
        </p:nvSpPr>
        <p:spPr bwMode="auto">
          <a:xfrm>
            <a:off x="1259632" y="3157829"/>
            <a:ext cx="3671888" cy="1845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r>
              <a:rPr lang="de-DE" altLang="de-DE" sz="900" dirty="0" err="1" smtClean="0">
                <a:solidFill>
                  <a:schemeClr val="bg1"/>
                </a:solidFill>
                <a:latin typeface="AMS" panose="020B0604020202020204" pitchFamily="34" charset="0"/>
              </a:rPr>
              <a:t>stv</a:t>
            </a:r>
            <a:r>
              <a:rPr lang="de-DE" altLang="de-DE" sz="900" dirty="0" smtClean="0">
                <a:solidFill>
                  <a:schemeClr val="bg1"/>
                </a:solidFill>
                <a:latin typeface="AMS" panose="020B0604020202020204" pitchFamily="34" charset="0"/>
              </a:rPr>
              <a:t>. Landesgeschäftsführer</a:t>
            </a:r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</p:txBody>
      </p:sp>
      <p:sp>
        <p:nvSpPr>
          <p:cNvPr id="4102" name="Rechteck 5"/>
          <p:cNvSpPr>
            <a:spLocks noChangeArrowheads="1"/>
          </p:cNvSpPr>
          <p:nvPr/>
        </p:nvSpPr>
        <p:spPr bwMode="auto">
          <a:xfrm>
            <a:off x="2088357" y="3575447"/>
            <a:ext cx="2470547" cy="1845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endParaRPr lang="de-AT" altLang="de-DE" sz="900">
              <a:solidFill>
                <a:srgbClr val="A0D2F0"/>
              </a:solidFill>
              <a:latin typeface="AMS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873223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719138" y="360000"/>
            <a:ext cx="8496300" cy="592138"/>
          </a:xfrm>
        </p:spPr>
        <p:txBody>
          <a:bodyPr/>
          <a:lstStyle/>
          <a:p>
            <a:pPr eaLnBrk="1" hangingPunct="1">
              <a:defRPr/>
            </a:pPr>
            <a:r>
              <a:rPr lang="de-AT" dirty="0" smtClean="0">
                <a:latin typeface="+mn-lt"/>
              </a:rPr>
              <a:t>Zentrale Indikatoren </a:t>
            </a:r>
            <a:r>
              <a:rPr lang="de-AT" sz="2400" b="0" dirty="0" smtClean="0">
                <a:latin typeface="+mn-lt"/>
              </a:rPr>
              <a:t>2015–2022 (</a:t>
            </a:r>
            <a:r>
              <a:rPr lang="de-AT" sz="2400" b="0" dirty="0" err="1" smtClean="0">
                <a:latin typeface="+mn-lt"/>
              </a:rPr>
              <a:t>OÖ</a:t>
            </a:r>
            <a:r>
              <a:rPr lang="de-AT" sz="2400" b="0" dirty="0" smtClean="0">
                <a:latin typeface="+mn-lt"/>
              </a:rPr>
              <a:t>)</a:t>
            </a:r>
            <a:endParaRPr lang="de-DE" altLang="de-DE" sz="2400" b="0" dirty="0">
              <a:latin typeface="+mn-lt"/>
            </a:endParaRPr>
          </a:p>
        </p:txBody>
      </p:sp>
      <p:sp>
        <p:nvSpPr>
          <p:cNvPr id="3" name="Rechteck 2"/>
          <p:cNvSpPr/>
          <p:nvPr/>
        </p:nvSpPr>
        <p:spPr bwMode="auto">
          <a:xfrm>
            <a:off x="7668344" y="4227934"/>
            <a:ext cx="1152128" cy="720304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txBody>
          <a:bodyPr vert="horz" wrap="square" lIns="90488" tIns="44450" rIns="90488" bIns="44450" numCol="1" rtlCol="0" anchor="ctr" anchorCtr="0" compatLnSpc="1"/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 smtClean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6" name="Textfeld 1"/>
          <p:cNvSpPr txBox="1"/>
          <p:nvPr/>
        </p:nvSpPr>
        <p:spPr>
          <a:xfrm>
            <a:off x="7596336" y="4915120"/>
            <a:ext cx="1440161" cy="248918"/>
          </a:xfrm>
          <a:prstGeom prst="rect">
            <a:avLst/>
          </a:prstGeom>
        </p:spPr>
        <p:txBody>
          <a:bodyPr wrap="square" rtlCol="0"/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8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Quelle: </a:t>
            </a:r>
            <a:r>
              <a:rPr kumimoji="0" lang="de-DE" sz="800" b="0" i="0" u="none" strike="noStrike" kern="120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AMS</a:t>
            </a:r>
            <a:r>
              <a:rPr kumimoji="0" lang="de-DE" sz="8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 / Statistik Austria</a:t>
            </a:r>
          </a:p>
        </p:txBody>
      </p:sp>
      <p:graphicFrame>
        <p:nvGraphicFramePr>
          <p:cNvPr id="7" name="Diagramm 6"/>
          <p:cNvGraphicFramePr>
            <a:graphicFrameLocks noGrp="1"/>
          </p:cNvGraphicFramePr>
          <p:nvPr>
            <p:extLst/>
          </p:nvPr>
        </p:nvGraphicFramePr>
        <p:xfrm>
          <a:off x="539551" y="952137"/>
          <a:ext cx="7848873" cy="396298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5414691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feld 5"/>
          <p:cNvSpPr txBox="1"/>
          <p:nvPr/>
        </p:nvSpPr>
        <p:spPr>
          <a:xfrm>
            <a:off x="7524328" y="4227934"/>
            <a:ext cx="1440160" cy="64807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 dirty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323528" y="195486"/>
            <a:ext cx="7715250" cy="886480"/>
          </a:xfrm>
        </p:spPr>
        <p:txBody>
          <a:bodyPr/>
          <a:lstStyle/>
          <a:p>
            <a:pPr eaLnBrk="1" hangingPunct="1">
              <a:defRPr/>
            </a:pPr>
            <a:r>
              <a:rPr lang="de-DE" altLang="de-DE" sz="2800" dirty="0" smtClean="0">
                <a:latin typeface="+mn-lt"/>
              </a:rPr>
              <a:t>Demografie</a:t>
            </a:r>
            <a:br>
              <a:rPr lang="de-DE" altLang="de-DE" sz="2800" dirty="0" smtClean="0">
                <a:latin typeface="+mn-lt"/>
              </a:rPr>
            </a:br>
            <a:r>
              <a:rPr lang="de-DE" altLang="de-DE" sz="1800" b="0" dirty="0" smtClean="0">
                <a:latin typeface="+mn-lt"/>
                <a:hlinkClick r:id="rId3"/>
              </a:rPr>
              <a:t>Bevölkerungsentwicklung</a:t>
            </a:r>
            <a:r>
              <a:rPr lang="de-DE" altLang="de-DE" sz="1800" b="0" dirty="0" smtClean="0">
                <a:latin typeface="+mn-lt"/>
              </a:rPr>
              <a:t> bis 2050 </a:t>
            </a:r>
          </a:p>
        </p:txBody>
      </p:sp>
      <p:sp>
        <p:nvSpPr>
          <p:cNvPr id="3" name="Rechteck 2"/>
          <p:cNvSpPr/>
          <p:nvPr/>
        </p:nvSpPr>
        <p:spPr>
          <a:xfrm>
            <a:off x="0" y="4928056"/>
            <a:ext cx="3847150" cy="21544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AT" sz="800" b="0" i="0" u="none" strike="noStrike" kern="1200" cap="none" spc="0" normalizeH="0" baseline="0" noProof="0" dirty="0">
                <a:ln>
                  <a:noFill/>
                </a:ln>
                <a:solidFill>
                  <a:srgbClr val="FFFFFF">
                    <a:lumMod val="65000"/>
                  </a:srgbClr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Arial" panose="020B0604020202020204" pitchFamily="34" charset="0"/>
              </a:rPr>
              <a:t>© Statistik </a:t>
            </a:r>
            <a:r>
              <a:rPr kumimoji="0" lang="de-AT" sz="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FFFFFF">
                    <a:lumMod val="65000"/>
                  </a:srgbClr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Arial" panose="020B0604020202020204" pitchFamily="34" charset="0"/>
              </a:rPr>
              <a:t>Austria (interaktive Bevölkerungspyramide, Abfrage vom 26.3.2024:</a:t>
            </a:r>
            <a:r>
              <a:rPr kumimoji="0" lang="de-AT" sz="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Arial" panose="020B0604020202020204" pitchFamily="34" charset="0"/>
              </a:rPr>
              <a:t> </a:t>
            </a:r>
            <a:r>
              <a:rPr kumimoji="0" lang="de-AT" sz="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Arial" panose="020B0604020202020204" pitchFamily="34" charset="0"/>
                <a:hlinkClick r:id="rId4"/>
              </a:rPr>
              <a:t>Link</a:t>
            </a:r>
            <a:r>
              <a:rPr kumimoji="0" lang="de-AT" sz="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FFFFFF">
                    <a:lumMod val="65000"/>
                  </a:srgbClr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Arial" panose="020B0604020202020204" pitchFamily="34" charset="0"/>
              </a:rPr>
              <a:t>)</a:t>
            </a:r>
            <a:endParaRPr kumimoji="0" lang="de-DE" sz="2400" b="1" i="0" u="none" strike="noStrike" kern="1200" cap="none" spc="0" normalizeH="0" baseline="0" noProof="0" dirty="0">
              <a:ln>
                <a:noFill/>
              </a:ln>
              <a:solidFill>
                <a:srgbClr val="FFFFFF">
                  <a:lumMod val="65000"/>
                </a:srgbClr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pic>
        <p:nvPicPr>
          <p:cNvPr id="2" name="Grafik 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07504" y="1985417"/>
            <a:ext cx="1987406" cy="1923296"/>
          </a:xfrm>
          <a:prstGeom prst="rect">
            <a:avLst/>
          </a:prstGeom>
        </p:spPr>
      </p:pic>
      <p:pic>
        <p:nvPicPr>
          <p:cNvPr id="9" name="Grafik 8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601746" y="214924"/>
            <a:ext cx="4690706" cy="4616678"/>
          </a:xfrm>
          <a:prstGeom prst="rect">
            <a:avLst/>
          </a:prstGeom>
        </p:spPr>
      </p:pic>
      <p:pic>
        <p:nvPicPr>
          <p:cNvPr id="7" name="Grafik 6"/>
          <p:cNvPicPr>
            <a:picLocks noChangeAspect="1"/>
          </p:cNvPicPr>
          <p:nvPr/>
        </p:nvPicPr>
        <p:blipFill rotWithShape="1">
          <a:blip r:embed="rId7"/>
          <a:srcRect/>
          <a:stretch/>
        </p:blipFill>
        <p:spPr>
          <a:xfrm>
            <a:off x="2123728" y="1635646"/>
            <a:ext cx="2592944" cy="2520280"/>
          </a:xfrm>
          <a:prstGeom prst="rect">
            <a:avLst/>
          </a:prstGeom>
        </p:spPr>
      </p:pic>
      <p:cxnSp>
        <p:nvCxnSpPr>
          <p:cNvPr id="11" name="Gerader Verbinder 10"/>
          <p:cNvCxnSpPr/>
          <p:nvPr/>
        </p:nvCxnSpPr>
        <p:spPr bwMode="auto">
          <a:xfrm>
            <a:off x="4857768" y="1851670"/>
            <a:ext cx="4106720" cy="0"/>
          </a:xfrm>
          <a:prstGeom prst="line">
            <a:avLst/>
          </a:prstGeom>
          <a:noFill/>
          <a:ln w="6350" cap="flat" cmpd="sng" algn="ctr">
            <a:solidFill>
              <a:schemeClr val="accent2">
                <a:lumMod val="75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17" name="Gerader Verbinder 16"/>
          <p:cNvCxnSpPr/>
          <p:nvPr/>
        </p:nvCxnSpPr>
        <p:spPr bwMode="auto">
          <a:xfrm>
            <a:off x="2165573" y="2523263"/>
            <a:ext cx="2406427" cy="0"/>
          </a:xfrm>
          <a:prstGeom prst="line">
            <a:avLst/>
          </a:prstGeom>
          <a:noFill/>
          <a:ln w="6350" cap="flat" cmpd="sng" algn="ctr">
            <a:solidFill>
              <a:schemeClr val="accent2">
                <a:lumMod val="75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20" name="Gerader Verbinder 19"/>
          <p:cNvCxnSpPr/>
          <p:nvPr/>
        </p:nvCxnSpPr>
        <p:spPr bwMode="auto">
          <a:xfrm>
            <a:off x="107504" y="2643758"/>
            <a:ext cx="2016224" cy="0"/>
          </a:xfrm>
          <a:prstGeom prst="line">
            <a:avLst/>
          </a:prstGeom>
          <a:noFill/>
          <a:ln w="6350" cap="flat" cmpd="sng" algn="ctr">
            <a:solidFill>
              <a:schemeClr val="accent2">
                <a:lumMod val="75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</p:spTree>
    <p:extLst>
      <p:ext uri="{BB962C8B-B14F-4D97-AF65-F5344CB8AC3E}">
        <p14:creationId xmlns:p14="http://schemas.microsoft.com/office/powerpoint/2010/main" val="24824771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611187" y="323850"/>
            <a:ext cx="8353425" cy="592138"/>
          </a:xfrm>
        </p:spPr>
        <p:txBody>
          <a:bodyPr/>
          <a:lstStyle/>
          <a:p>
            <a:pPr eaLnBrk="1" hangingPunct="1">
              <a:defRPr/>
            </a:pPr>
            <a:r>
              <a:rPr lang="de-AT" sz="2800" dirty="0">
                <a:latin typeface="+mn-lt"/>
              </a:rPr>
              <a:t>Arbeitsvolumen </a:t>
            </a:r>
            <a:r>
              <a:rPr lang="de-AT" sz="1800" b="0" dirty="0">
                <a:latin typeface="+mn-lt"/>
              </a:rPr>
              <a:t>(Öst. – 1995-2023)</a:t>
            </a:r>
            <a:endParaRPr lang="de-DE" altLang="de-DE" sz="1800" b="0" dirty="0">
              <a:latin typeface="+mn-lt"/>
            </a:endParaRPr>
          </a:p>
        </p:txBody>
      </p:sp>
      <p:sp>
        <p:nvSpPr>
          <p:cNvPr id="18435" name="Rechteck 1"/>
          <p:cNvSpPr>
            <a:spLocks noChangeArrowheads="1"/>
          </p:cNvSpPr>
          <p:nvPr/>
        </p:nvSpPr>
        <p:spPr bwMode="auto">
          <a:xfrm>
            <a:off x="611188" y="4746625"/>
            <a:ext cx="215900" cy="201613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&gt;"/>
              <a:defRPr sz="2800">
                <a:solidFill>
                  <a:srgbClr val="004F9F"/>
                </a:solidFill>
                <a:latin typeface="AMS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000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altLang="de-DE" sz="3200" b="1" i="0" u="none" strike="noStrike" kern="1200" cap="none" spc="0" normalizeH="0" baseline="0" noProof="0" dirty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18436" name="Textfeld 2"/>
          <p:cNvSpPr txBox="1">
            <a:spLocks noChangeArrowheads="1"/>
          </p:cNvSpPr>
          <p:nvPr/>
        </p:nvSpPr>
        <p:spPr bwMode="auto">
          <a:xfrm>
            <a:off x="7847013" y="4883150"/>
            <a:ext cx="901700" cy="2159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&gt;"/>
              <a:defRPr sz="2800">
                <a:solidFill>
                  <a:srgbClr val="004F9F"/>
                </a:solidFill>
                <a:latin typeface="AMS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000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altLang="de-DE" sz="8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Ø </a:t>
            </a:r>
            <a:r>
              <a:rPr kumimoji="0" lang="de-DE" altLang="de-DE" sz="800" b="0" i="0" u="none" strike="noStrike" kern="120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Jän</a:t>
            </a:r>
            <a:r>
              <a:rPr kumimoji="0" lang="de-DE" altLang="de-DE" sz="8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 - Apr </a:t>
            </a:r>
          </a:p>
        </p:txBody>
      </p:sp>
      <p:sp>
        <p:nvSpPr>
          <p:cNvPr id="18437" name="Rechteck 1"/>
          <p:cNvSpPr>
            <a:spLocks noChangeArrowheads="1"/>
          </p:cNvSpPr>
          <p:nvPr/>
        </p:nvSpPr>
        <p:spPr bwMode="auto">
          <a:xfrm>
            <a:off x="7667625" y="4300538"/>
            <a:ext cx="1225550" cy="798512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&gt;"/>
              <a:defRPr sz="2800">
                <a:solidFill>
                  <a:srgbClr val="004F9F"/>
                </a:solidFill>
                <a:latin typeface="AMS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000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altLang="de-DE" sz="3200" b="1" i="0" u="none" strike="noStrike" kern="1200" cap="none" spc="0" normalizeH="0" baseline="0" noProof="0" dirty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pic>
        <p:nvPicPr>
          <p:cNvPr id="3" name="Grafik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0250" y="837330"/>
            <a:ext cx="7847013" cy="42816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537577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8" name="Diagramm 7"/>
          <p:cNvGraphicFramePr>
            <a:graphicFrameLocks noGrp="1"/>
          </p:cNvGraphicFramePr>
          <p:nvPr>
            <p:extLst/>
          </p:nvPr>
        </p:nvGraphicFramePr>
        <p:xfrm>
          <a:off x="238596" y="771550"/>
          <a:ext cx="8400951" cy="410445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395536" y="275684"/>
            <a:ext cx="7776864" cy="1152128"/>
          </a:xfrm>
        </p:spPr>
        <p:txBody>
          <a:bodyPr>
            <a:noAutofit/>
          </a:bodyPr>
          <a:lstStyle/>
          <a:p>
            <a:pPr algn="l"/>
            <a:r>
              <a:rPr lang="de-DE" sz="2800" dirty="0">
                <a:solidFill>
                  <a:srgbClr val="004F9F"/>
                </a:solidFill>
                <a:cs typeface="Arial" panose="020B0604020202020204" pitchFamily="34" charset="0"/>
              </a:rPr>
              <a:t>T</a:t>
            </a:r>
            <a:r>
              <a:rPr lang="de-DE" sz="2800" b="1" dirty="0">
                <a:solidFill>
                  <a:srgbClr val="004F9F"/>
                </a:solidFill>
                <a:cs typeface="Arial" panose="020B0604020202020204" pitchFamily="34" charset="0"/>
              </a:rPr>
              <a:t>eilzeitquote: Im europäischen Spitzenfeld</a:t>
            </a:r>
          </a:p>
        </p:txBody>
      </p:sp>
      <p:sp>
        <p:nvSpPr>
          <p:cNvPr id="5" name="Textfeld 4"/>
          <p:cNvSpPr txBox="1"/>
          <p:nvPr/>
        </p:nvSpPr>
        <p:spPr>
          <a:xfrm>
            <a:off x="6444208" y="4361241"/>
            <a:ext cx="194421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378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800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Arial" panose="020B0604020202020204" pitchFamily="34" charset="0"/>
              </a:rPr>
              <a:t>3</a:t>
            </a:r>
            <a:r>
              <a:rPr kumimoji="0" lang="de-DE" sz="800" b="0" i="0" u="none" strike="noStrike" kern="120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Arial" panose="020B0604020202020204" pitchFamily="34" charset="0"/>
              </a:rPr>
              <a:t>. </a:t>
            </a:r>
            <a:r>
              <a:rPr kumimoji="0" lang="de-DE" sz="800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Arial" panose="020B0604020202020204" pitchFamily="34" charset="0"/>
              </a:rPr>
              <a:t>Quartal </a:t>
            </a:r>
            <a:r>
              <a:rPr kumimoji="0" lang="de-DE" sz="800" b="0" i="0" u="none" strike="noStrike" kern="120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Arial" panose="020B0604020202020204" pitchFamily="34" charset="0"/>
              </a:rPr>
              <a:t>2023</a:t>
            </a:r>
            <a:r>
              <a:rPr kumimoji="0" lang="de-DE" sz="800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Arial" panose="020B0604020202020204" pitchFamily="34" charset="0"/>
              </a:rPr>
              <a:t/>
            </a:r>
            <a:br>
              <a:rPr kumimoji="0" lang="de-DE" sz="800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Arial" panose="020B0604020202020204" pitchFamily="34" charset="0"/>
              </a:rPr>
            </a:br>
            <a:r>
              <a:rPr kumimoji="0" lang="de-DE" sz="800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Arial" panose="020B0604020202020204" pitchFamily="34" charset="0"/>
              </a:rPr>
              <a:t>Quelle: </a:t>
            </a:r>
            <a:r>
              <a:rPr kumimoji="0" lang="de-DE" sz="800" b="0" i="0" u="none" strike="noStrike" kern="120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Arial" panose="020B0604020202020204" pitchFamily="34" charset="0"/>
              </a:rPr>
              <a:t>statista.com</a:t>
            </a:r>
            <a:r>
              <a:rPr kumimoji="0" lang="de-DE" sz="800" b="0" i="0" u="none" strike="noStrike" kern="120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Arial" panose="020B0604020202020204" pitchFamily="34" charset="0"/>
              </a:rPr>
              <a:t> (Selbstzuordnung; Vollzeit = mind. 30 Stunden)</a:t>
            </a:r>
            <a:endParaRPr kumimoji="0" lang="de-DE" sz="8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 panose="020F0502020204030204"/>
              <a:ea typeface="+mn-ea"/>
              <a:cs typeface="Arial" panose="020B0604020202020204" pitchFamily="34" charset="0"/>
            </a:endParaRPr>
          </a:p>
        </p:txBody>
      </p:sp>
      <p:sp>
        <p:nvSpPr>
          <p:cNvPr id="3" name="Textfeld 2"/>
          <p:cNvSpPr txBox="1"/>
          <p:nvPr/>
        </p:nvSpPr>
        <p:spPr>
          <a:xfrm>
            <a:off x="6444208" y="2427734"/>
            <a:ext cx="2448968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In </a:t>
            </a:r>
            <a:r>
              <a:rPr kumimoji="0" lang="de-DE" sz="1400" b="0" i="0" u="none" strike="noStrike" kern="120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OÖ</a:t>
            </a:r>
            <a:r>
              <a:rPr kumimoji="0" lang="de-DE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 arbeiten ca. 213.000 Personen in Teilzeit; 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davon befinden sich </a:t>
            </a:r>
            <a:r>
              <a:rPr kumimoji="0" lang="de-DE" sz="1400" b="0" i="0" u="none" strike="noStrike" kern="1200" cap="none" spc="0" normalizeH="0" baseline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8.500 </a:t>
            </a:r>
            <a:r>
              <a:rPr kumimoji="0" lang="de-DE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Personen in Altersteilzeit.</a:t>
            </a:r>
          </a:p>
        </p:txBody>
      </p:sp>
    </p:spTree>
    <p:extLst>
      <p:ext uri="{BB962C8B-B14F-4D97-AF65-F5344CB8AC3E}">
        <p14:creationId xmlns:p14="http://schemas.microsoft.com/office/powerpoint/2010/main" val="1328755085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018" name="Rectangle 2"/>
          <p:cNvSpPr>
            <a:spLocks noGrp="1" noChangeArrowheads="1"/>
          </p:cNvSpPr>
          <p:nvPr>
            <p:ph type="title"/>
          </p:nvPr>
        </p:nvSpPr>
        <p:spPr>
          <a:xfrm>
            <a:off x="720000" y="360000"/>
            <a:ext cx="6848277" cy="857250"/>
          </a:xfrm>
        </p:spPr>
        <p:txBody>
          <a:bodyPr>
            <a:normAutofit/>
          </a:bodyPr>
          <a:lstStyle/>
          <a:p>
            <a:pPr eaLnBrk="1" hangingPunct="1"/>
            <a:r>
              <a:rPr lang="de-DE" altLang="de-DE" sz="2800" dirty="0" smtClean="0">
                <a:cs typeface="Arial" panose="020B0604020202020204" pitchFamily="34" charset="0"/>
              </a:rPr>
              <a:t>Auswirkung der Teilzeit auf die Pension</a:t>
            </a:r>
            <a:endParaRPr lang="de-DE" altLang="de-DE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" name="Rectangle 4"/>
          <p:cNvSpPr txBox="1">
            <a:spLocks noChangeArrowheads="1"/>
          </p:cNvSpPr>
          <p:nvPr/>
        </p:nvSpPr>
        <p:spPr bwMode="auto">
          <a:xfrm>
            <a:off x="720000" y="1080000"/>
            <a:ext cx="7704856" cy="40838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0" tIns="0" rIns="0" bIns="0"/>
          <a:lstStyle>
            <a:lvl1pPr marL="342900" indent="-342900" algn="l" rtl="0" fontAlgn="base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2400">
                <a:solidFill>
                  <a:srgbClr val="004F9F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fontAlgn="base">
              <a:spcBef>
                <a:spcPct val="20000"/>
              </a:spcBef>
              <a:spcAft>
                <a:spcPct val="0"/>
              </a:spcAft>
              <a:buChar char="–"/>
              <a:defRPr sz="2000">
                <a:solidFill>
                  <a:srgbClr val="004F9F"/>
                </a:solidFill>
                <a:latin typeface="+mn-lt"/>
              </a:defRPr>
            </a:lvl2pPr>
            <a:lvl3pPr marL="1143000" indent="-228600" algn="l" rtl="0" fontAlgn="base">
              <a:spcBef>
                <a:spcPct val="20000"/>
              </a:spcBef>
              <a:spcAft>
                <a:spcPct val="0"/>
              </a:spcAft>
              <a:buChar char="•"/>
              <a:defRPr>
                <a:solidFill>
                  <a:srgbClr val="004F9F"/>
                </a:solidFill>
                <a:latin typeface="+mn-lt"/>
              </a:defRPr>
            </a:lvl3pPr>
            <a:lvl4pPr marL="1600200" indent="-228600" algn="l" rtl="0" fontAlgn="base">
              <a:spcBef>
                <a:spcPct val="20000"/>
              </a:spcBef>
              <a:spcAft>
                <a:spcPct val="0"/>
              </a:spcAft>
              <a:buChar char="–"/>
              <a:defRPr>
                <a:solidFill>
                  <a:srgbClr val="004F9F"/>
                </a:solidFill>
                <a:latin typeface="+mn-lt"/>
              </a:defRPr>
            </a:lvl4pPr>
            <a:lvl5pPr marL="20574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+mn-lt"/>
              </a:defRPr>
            </a:lvl5pPr>
            <a:lvl6pPr marL="25146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0099"/>
                </a:solidFill>
                <a:latin typeface="+mn-lt"/>
              </a:defRPr>
            </a:lvl6pPr>
            <a:lvl7pPr marL="29718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0099"/>
                </a:solidFill>
                <a:latin typeface="+mn-lt"/>
              </a:defRPr>
            </a:lvl7pPr>
            <a:lvl8pPr marL="34290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0099"/>
                </a:solidFill>
                <a:latin typeface="+mn-lt"/>
              </a:defRPr>
            </a:lvl8pPr>
            <a:lvl9pPr marL="38862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0099"/>
                </a:solidFill>
                <a:latin typeface="+mn-lt"/>
              </a:defRPr>
            </a:lvl9pPr>
          </a:lstStyle>
          <a:p>
            <a:pPr marL="342900" marR="0" lvl="0" indent="-34290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>
                <a:srgbClr val="004F9F"/>
              </a:buClr>
              <a:buSzTx/>
              <a:buFont typeface="Systemschrift Normal"/>
              <a:buChar char="&gt;"/>
              <a:tabLst/>
              <a:defRPr/>
            </a:pPr>
            <a:r>
              <a:rPr kumimoji="0" lang="de-AT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Pensionshöhe liegt bei knapp der Hälfte einer Vollzeitkraft</a:t>
            </a:r>
            <a:endParaRPr kumimoji="0" lang="de-AT" sz="2000" b="0" i="0" u="none" strike="noStrike" kern="1200" cap="none" spc="0" normalizeH="0" baseline="0" noProof="0" dirty="0">
              <a:ln>
                <a:noFill/>
              </a:ln>
              <a:solidFill>
                <a:srgbClr val="004F9F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 typeface="Wingdings" pitchFamily="2" charset="2"/>
              <a:buNone/>
              <a:tabLst>
                <a:tab pos="270272" algn="l"/>
              </a:tabLst>
              <a:defRPr/>
            </a:pPr>
            <a:endParaRPr kumimoji="0" lang="de-DE" altLang="de-DE" sz="2000" b="0" i="0" u="none" strike="noStrike" kern="0" cap="none" spc="0" normalizeH="0" baseline="0" noProof="0" dirty="0">
              <a:ln>
                <a:noFill/>
              </a:ln>
              <a:solidFill>
                <a:srgbClr val="004F9F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pic>
        <p:nvPicPr>
          <p:cNvPr id="2" name="Grafik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1600" y="1434791"/>
            <a:ext cx="4843171" cy="35115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53804987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4" name="Diagramm 33">
            <a:extLst>
              <a:ext uri="{FF2B5EF4-FFF2-40B4-BE49-F238E27FC236}">
                <a16:creationId xmlns:a16="http://schemas.microsoft.com/office/drawing/2014/main" id="{A7F61C34-A91D-1489-BF4C-2CEE9B6E6649}"/>
              </a:ext>
            </a:extLst>
          </p:cNvPr>
          <p:cNvGraphicFramePr>
            <a:graphicFrameLocks noChangeAspect="1"/>
          </p:cNvGraphicFramePr>
          <p:nvPr>
            <p:extLst/>
          </p:nvPr>
        </p:nvGraphicFramePr>
        <p:xfrm>
          <a:off x="94050" y="704914"/>
          <a:ext cx="3131336" cy="306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4" name="Diagramm 3">
            <a:extLst>
              <a:ext uri="{FF2B5EF4-FFF2-40B4-BE49-F238E27FC236}">
                <a16:creationId xmlns:a16="http://schemas.microsoft.com/office/drawing/2014/main" id="{B1AEE1E6-941A-EF89-CD2A-6141C0DC738A}"/>
              </a:ext>
            </a:extLst>
          </p:cNvPr>
          <p:cNvGraphicFramePr>
            <a:graphicFrameLocks noChangeAspect="1"/>
          </p:cNvGraphicFramePr>
          <p:nvPr>
            <p:extLst/>
          </p:nvPr>
        </p:nvGraphicFramePr>
        <p:xfrm>
          <a:off x="5905160" y="704914"/>
          <a:ext cx="3131336" cy="306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9" name="Diagramm 8">
            <a:extLst>
              <a:ext uri="{FF2B5EF4-FFF2-40B4-BE49-F238E27FC236}">
                <a16:creationId xmlns:a16="http://schemas.microsoft.com/office/drawing/2014/main" id="{0D23E6E7-493E-44F7-23C3-72F332A22F6B}"/>
              </a:ext>
            </a:extLst>
          </p:cNvPr>
          <p:cNvGraphicFramePr>
            <a:graphicFrameLocks noChangeAspect="1"/>
          </p:cNvGraphicFramePr>
          <p:nvPr>
            <p:extLst/>
          </p:nvPr>
        </p:nvGraphicFramePr>
        <p:xfrm>
          <a:off x="738737" y="1537400"/>
          <a:ext cx="1841963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23" name="Diagramm 22">
            <a:extLst>
              <a:ext uri="{FF2B5EF4-FFF2-40B4-BE49-F238E27FC236}">
                <a16:creationId xmlns:a16="http://schemas.microsoft.com/office/drawing/2014/main" id="{8630FF8A-54D7-9EA9-CAFC-DAAE31FED458}"/>
              </a:ext>
            </a:extLst>
          </p:cNvPr>
          <p:cNvGraphicFramePr>
            <a:graphicFrameLocks noChangeAspect="1"/>
          </p:cNvGraphicFramePr>
          <p:nvPr>
            <p:extLst/>
          </p:nvPr>
        </p:nvGraphicFramePr>
        <p:xfrm>
          <a:off x="6553160" y="1537400"/>
          <a:ext cx="1841963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17" name="Textfeld 12"/>
          <p:cNvSpPr txBox="1">
            <a:spLocks noChangeArrowheads="1"/>
          </p:cNvSpPr>
          <p:nvPr/>
        </p:nvSpPr>
        <p:spPr bwMode="auto">
          <a:xfrm>
            <a:off x="611560" y="4392000"/>
            <a:ext cx="7200800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214308" marR="0" lvl="0" indent="-214308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Systemschrift Normal"/>
              <a:buChar char="&gt;"/>
              <a:tabLst/>
              <a:defRPr/>
            </a:pPr>
            <a:r>
              <a:rPr kumimoji="0" lang="de-DE" altLang="de-DE" sz="12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Krankengeldbezug während des Bezuges von ALG wurde bei Arbeitslosigkeit berücksichtigt</a:t>
            </a:r>
          </a:p>
          <a:p>
            <a:pPr marL="214308" marR="0" lvl="0" indent="-214308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Systemschrift Normal"/>
              <a:buChar char="&gt;"/>
              <a:tabLst/>
              <a:defRPr/>
            </a:pPr>
            <a:r>
              <a:rPr kumimoji="0" lang="de-DE" altLang="de-DE" sz="12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Übergangsgeld und freiwillig Versicherte wurden zu erwerbslos hinzugezählt</a:t>
            </a:r>
            <a:endParaRPr kumimoji="0" lang="de-AT" altLang="de-DE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+mn-ea"/>
              <a:cs typeface="Arial" panose="020B0604020202020204" pitchFamily="34" charset="0"/>
            </a:endParaRPr>
          </a:p>
        </p:txBody>
      </p:sp>
      <p:sp>
        <p:nvSpPr>
          <p:cNvPr id="8" name="Textfeld 7"/>
          <p:cNvSpPr txBox="1"/>
          <p:nvPr/>
        </p:nvSpPr>
        <p:spPr>
          <a:xfrm>
            <a:off x="7740352" y="4462784"/>
            <a:ext cx="1969366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378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8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Quelle: PV OÖ, April 2024</a:t>
            </a:r>
          </a:p>
        </p:txBody>
      </p:sp>
      <p:sp>
        <p:nvSpPr>
          <p:cNvPr id="2" name="Titel 1">
            <a:extLst>
              <a:ext uri="{FF2B5EF4-FFF2-40B4-BE49-F238E27FC236}">
                <a16:creationId xmlns:a16="http://schemas.microsoft.com/office/drawing/2014/main" id="{8B8BCFC4-DF18-F58A-83BA-9488501C928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648000" y="360363"/>
            <a:ext cx="7715250" cy="787400"/>
          </a:xfrm>
        </p:spPr>
        <p:txBody>
          <a:bodyPr/>
          <a:lstStyle/>
          <a:p>
            <a:r>
              <a:rPr lang="de-DE" dirty="0"/>
              <a:t>Neuzugänge in Alterspension </a:t>
            </a:r>
            <a:r>
              <a:rPr lang="de-DE" sz="1800" dirty="0"/>
              <a:t/>
            </a:r>
            <a:br>
              <a:rPr lang="de-DE" sz="1800" dirty="0"/>
            </a:br>
            <a:r>
              <a:rPr lang="de-DE" sz="1800" b="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Oberösterreich – 2021/2023</a:t>
            </a:r>
          </a:p>
        </p:txBody>
      </p:sp>
      <p:sp>
        <p:nvSpPr>
          <p:cNvPr id="11" name="Titel 1">
            <a:extLst>
              <a:ext uri="{FF2B5EF4-FFF2-40B4-BE49-F238E27FC236}">
                <a16:creationId xmlns:a16="http://schemas.microsoft.com/office/drawing/2014/main" id="{80674FDD-808A-AE69-0B51-0184BE039B45}"/>
              </a:ext>
            </a:extLst>
          </p:cNvPr>
          <p:cNvSpPr txBox="1">
            <a:spLocks/>
          </p:cNvSpPr>
          <p:nvPr/>
        </p:nvSpPr>
        <p:spPr bwMode="auto">
          <a:xfrm>
            <a:off x="4051552" y="1328279"/>
            <a:ext cx="1506475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FFFFFF">
                    <a:lumMod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Arbeitslosigkeit</a:t>
            </a:r>
          </a:p>
        </p:txBody>
      </p:sp>
      <p:sp>
        <p:nvSpPr>
          <p:cNvPr id="12" name="Titel 1">
            <a:extLst>
              <a:ext uri="{FF2B5EF4-FFF2-40B4-BE49-F238E27FC236}">
                <a16:creationId xmlns:a16="http://schemas.microsoft.com/office/drawing/2014/main" id="{26C56F17-0C96-C8C3-CD40-9DEDBC6F2007}"/>
              </a:ext>
            </a:extLst>
          </p:cNvPr>
          <p:cNvSpPr txBox="1">
            <a:spLocks/>
          </p:cNvSpPr>
          <p:nvPr/>
        </p:nvSpPr>
        <p:spPr bwMode="auto">
          <a:xfrm>
            <a:off x="4051553" y="2077956"/>
            <a:ext cx="1506475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FFFFFF">
                    <a:lumMod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Krankengeld</a:t>
            </a:r>
          </a:p>
        </p:txBody>
      </p:sp>
      <p:sp>
        <p:nvSpPr>
          <p:cNvPr id="20" name="Titel 1">
            <a:extLst>
              <a:ext uri="{FF2B5EF4-FFF2-40B4-BE49-F238E27FC236}">
                <a16:creationId xmlns:a16="http://schemas.microsoft.com/office/drawing/2014/main" id="{8EB63376-DDC6-AF46-779D-4683B8586348}"/>
              </a:ext>
            </a:extLst>
          </p:cNvPr>
          <p:cNvSpPr txBox="1">
            <a:spLocks/>
          </p:cNvSpPr>
          <p:nvPr/>
        </p:nvSpPr>
        <p:spPr bwMode="auto">
          <a:xfrm>
            <a:off x="4140786" y="3001672"/>
            <a:ext cx="1506475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FFFFFF">
                    <a:lumMod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Erwerbslos</a:t>
            </a:r>
          </a:p>
        </p:txBody>
      </p:sp>
      <p:sp>
        <p:nvSpPr>
          <p:cNvPr id="22" name="Titel 1">
            <a:extLst>
              <a:ext uri="{FF2B5EF4-FFF2-40B4-BE49-F238E27FC236}">
                <a16:creationId xmlns:a16="http://schemas.microsoft.com/office/drawing/2014/main" id="{63C2DCA4-3729-AD68-793F-F84280E2C158}"/>
              </a:ext>
            </a:extLst>
          </p:cNvPr>
          <p:cNvSpPr txBox="1">
            <a:spLocks/>
          </p:cNvSpPr>
          <p:nvPr/>
        </p:nvSpPr>
        <p:spPr bwMode="auto">
          <a:xfrm>
            <a:off x="4274577" y="3701033"/>
            <a:ext cx="903800" cy="49864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FFFFFF">
                    <a:lumMod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Erwerbs-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 err="1">
                <a:ln>
                  <a:noFill/>
                </a:ln>
                <a:solidFill>
                  <a:srgbClr val="FFFFFF">
                    <a:lumMod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tätigkeit</a:t>
            </a:r>
            <a:endParaRPr kumimoji="0" lang="de-DE" sz="1400" b="0" i="0" u="none" strike="noStrike" kern="100" cap="none" spc="0" normalizeH="0" baseline="0" noProof="0" dirty="0">
              <a:ln>
                <a:noFill/>
              </a:ln>
              <a:solidFill>
                <a:srgbClr val="FFFFFF">
                  <a:lumMod val="50000"/>
                </a:srgbClr>
              </a:solidFill>
              <a:effectLst/>
              <a:uLnTx/>
              <a:uFillTx/>
              <a:latin typeface="Arial" panose="020B0604020202020204" pitchFamily="34" charset="0"/>
              <a:ea typeface="+mj-ea"/>
              <a:cs typeface="Arial" panose="020B0604020202020204" pitchFamily="34" charset="0"/>
            </a:endParaRPr>
          </a:p>
        </p:txBody>
      </p:sp>
      <p:sp>
        <p:nvSpPr>
          <p:cNvPr id="25" name="Titel 1">
            <a:extLst>
              <a:ext uri="{FF2B5EF4-FFF2-40B4-BE49-F238E27FC236}">
                <a16:creationId xmlns:a16="http://schemas.microsoft.com/office/drawing/2014/main" id="{5C1D431A-EE86-DFB3-A06A-3AE0390DD76E}"/>
              </a:ext>
            </a:extLst>
          </p:cNvPr>
          <p:cNvSpPr txBox="1">
            <a:spLocks/>
          </p:cNvSpPr>
          <p:nvPr/>
        </p:nvSpPr>
        <p:spPr bwMode="auto">
          <a:xfrm>
            <a:off x="5359537" y="1203598"/>
            <a:ext cx="1080000" cy="36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400" b="1" i="0" u="none" strike="noStrike" kern="100" cap="none" spc="0" normalizeH="0" baseline="0" noProof="0" dirty="0">
                <a:ln>
                  <a:noFill/>
                </a:ln>
                <a:solidFill>
                  <a:srgbClr val="E4002C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10,4</a:t>
            </a:r>
            <a:r>
              <a:rPr kumimoji="0" lang="de-DE" sz="2400" b="0" i="0" u="none" strike="noStrike" kern="100" cap="none" spc="0" normalizeH="0" baseline="0" noProof="0" dirty="0">
                <a:ln>
                  <a:noFill/>
                </a:ln>
                <a:solidFill>
                  <a:srgbClr val="E4002C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%</a:t>
            </a:r>
          </a:p>
        </p:txBody>
      </p:sp>
      <p:sp>
        <p:nvSpPr>
          <p:cNvPr id="26" name="Titel 1">
            <a:extLst>
              <a:ext uri="{FF2B5EF4-FFF2-40B4-BE49-F238E27FC236}">
                <a16:creationId xmlns:a16="http://schemas.microsoft.com/office/drawing/2014/main" id="{FC6A975C-719C-92CD-5AF2-C93B956A162F}"/>
              </a:ext>
            </a:extLst>
          </p:cNvPr>
          <p:cNvSpPr txBox="1">
            <a:spLocks/>
          </p:cNvSpPr>
          <p:nvPr/>
        </p:nvSpPr>
        <p:spPr bwMode="auto">
          <a:xfrm>
            <a:off x="5359537" y="1968339"/>
            <a:ext cx="1080000" cy="36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400" b="1" i="0" u="none" strike="noStrike" kern="100" cap="none" spc="0" normalizeH="0" baseline="0" noProof="0" dirty="0">
                <a:ln>
                  <a:noFill/>
                </a:ln>
                <a:solidFill>
                  <a:srgbClr val="72BFC5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0,8</a:t>
            </a:r>
            <a:r>
              <a:rPr kumimoji="0" lang="de-DE" sz="2400" b="0" i="0" u="none" strike="noStrike" kern="100" cap="none" spc="0" normalizeH="0" baseline="0" noProof="0" dirty="0">
                <a:ln>
                  <a:noFill/>
                </a:ln>
                <a:solidFill>
                  <a:srgbClr val="72BFC5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%</a:t>
            </a:r>
          </a:p>
        </p:txBody>
      </p:sp>
      <p:sp>
        <p:nvSpPr>
          <p:cNvPr id="27" name="Titel 1">
            <a:extLst>
              <a:ext uri="{FF2B5EF4-FFF2-40B4-BE49-F238E27FC236}">
                <a16:creationId xmlns:a16="http://schemas.microsoft.com/office/drawing/2014/main" id="{FDA6AF39-A5F4-CE5F-C6B1-5A2611A67047}"/>
              </a:ext>
            </a:extLst>
          </p:cNvPr>
          <p:cNvSpPr txBox="1">
            <a:spLocks/>
          </p:cNvSpPr>
          <p:nvPr/>
        </p:nvSpPr>
        <p:spPr bwMode="auto">
          <a:xfrm>
            <a:off x="5359537" y="2781788"/>
            <a:ext cx="1080000" cy="36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400" b="1" i="0" u="none" strike="noStrike" kern="100" cap="none" spc="0" normalizeH="0" baseline="0" noProof="0" dirty="0">
                <a:ln>
                  <a:noFill/>
                </a:ln>
                <a:solidFill>
                  <a:srgbClr val="FFFFFF">
                    <a:lumMod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11,8</a:t>
            </a:r>
            <a:r>
              <a:rPr kumimoji="0" lang="de-DE" sz="2400" b="0" i="0" u="none" strike="noStrike" kern="100" cap="none" spc="0" normalizeH="0" baseline="0" noProof="0" dirty="0">
                <a:ln>
                  <a:noFill/>
                </a:ln>
                <a:solidFill>
                  <a:srgbClr val="FFFFFF">
                    <a:lumMod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%</a:t>
            </a:r>
          </a:p>
        </p:txBody>
      </p:sp>
      <p:sp>
        <p:nvSpPr>
          <p:cNvPr id="28" name="Titel 1">
            <a:extLst>
              <a:ext uri="{FF2B5EF4-FFF2-40B4-BE49-F238E27FC236}">
                <a16:creationId xmlns:a16="http://schemas.microsoft.com/office/drawing/2014/main" id="{8D6D71BC-2EB5-2FFE-A595-31E551E9B8B8}"/>
              </a:ext>
            </a:extLst>
          </p:cNvPr>
          <p:cNvSpPr txBox="1">
            <a:spLocks/>
          </p:cNvSpPr>
          <p:nvPr/>
        </p:nvSpPr>
        <p:spPr bwMode="auto">
          <a:xfrm>
            <a:off x="5359537" y="3595820"/>
            <a:ext cx="1080000" cy="36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400" b="1" i="0" u="none" strike="noStrike" kern="100" cap="none" spc="0" normalizeH="0" baseline="0" noProof="0" dirty="0">
                <a:ln>
                  <a:noFill/>
                </a:ln>
                <a:solidFill>
                  <a:srgbClr val="7030A0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77,0</a:t>
            </a:r>
            <a:r>
              <a:rPr kumimoji="0" lang="de-DE" sz="2400" b="0" i="0" u="none" strike="noStrike" kern="100" cap="none" spc="0" normalizeH="0" baseline="0" noProof="0" dirty="0">
                <a:ln>
                  <a:noFill/>
                </a:ln>
                <a:solidFill>
                  <a:srgbClr val="7030A0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%</a:t>
            </a:r>
          </a:p>
        </p:txBody>
      </p:sp>
      <p:sp>
        <p:nvSpPr>
          <p:cNvPr id="29" name="Titel 1">
            <a:extLst>
              <a:ext uri="{FF2B5EF4-FFF2-40B4-BE49-F238E27FC236}">
                <a16:creationId xmlns:a16="http://schemas.microsoft.com/office/drawing/2014/main" id="{A2BAFC4C-53A1-8ED2-0CB0-83F827425AE4}"/>
              </a:ext>
            </a:extLst>
          </p:cNvPr>
          <p:cNvSpPr txBox="1">
            <a:spLocks/>
          </p:cNvSpPr>
          <p:nvPr/>
        </p:nvSpPr>
        <p:spPr bwMode="auto">
          <a:xfrm>
            <a:off x="2979402" y="1203598"/>
            <a:ext cx="1080000" cy="36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400" b="1" i="0" u="none" strike="noStrike" kern="100" cap="none" spc="0" normalizeH="0" baseline="0" noProof="0" dirty="0">
                <a:ln>
                  <a:noFill/>
                </a:ln>
                <a:solidFill>
                  <a:srgbClr val="E4002C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10,7</a:t>
            </a:r>
            <a:r>
              <a:rPr kumimoji="0" lang="de-DE" sz="2400" b="0" i="0" u="none" strike="noStrike" kern="100" cap="none" spc="0" normalizeH="0" baseline="0" noProof="0" dirty="0">
                <a:ln>
                  <a:noFill/>
                </a:ln>
                <a:solidFill>
                  <a:srgbClr val="E4002C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%</a:t>
            </a:r>
          </a:p>
        </p:txBody>
      </p:sp>
      <p:sp>
        <p:nvSpPr>
          <p:cNvPr id="30" name="Titel 1">
            <a:extLst>
              <a:ext uri="{FF2B5EF4-FFF2-40B4-BE49-F238E27FC236}">
                <a16:creationId xmlns:a16="http://schemas.microsoft.com/office/drawing/2014/main" id="{60A73CDA-7165-ECFC-E4E5-D563DE30A353}"/>
              </a:ext>
            </a:extLst>
          </p:cNvPr>
          <p:cNvSpPr txBox="1">
            <a:spLocks/>
          </p:cNvSpPr>
          <p:nvPr/>
        </p:nvSpPr>
        <p:spPr bwMode="auto">
          <a:xfrm>
            <a:off x="2979402" y="1968339"/>
            <a:ext cx="1080000" cy="36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400" b="1" i="0" u="none" strike="noStrike" kern="100" cap="none" spc="0" normalizeH="0" baseline="0" noProof="0" dirty="0">
                <a:ln>
                  <a:noFill/>
                </a:ln>
                <a:solidFill>
                  <a:srgbClr val="72BFC5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0,9</a:t>
            </a:r>
            <a:r>
              <a:rPr kumimoji="0" lang="de-DE" sz="2400" b="0" i="0" u="none" strike="noStrike" kern="100" cap="none" spc="0" normalizeH="0" baseline="0" noProof="0" dirty="0">
                <a:ln>
                  <a:noFill/>
                </a:ln>
                <a:solidFill>
                  <a:srgbClr val="72BFC5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%</a:t>
            </a:r>
          </a:p>
        </p:txBody>
      </p:sp>
      <p:sp>
        <p:nvSpPr>
          <p:cNvPr id="31" name="Titel 1">
            <a:extLst>
              <a:ext uri="{FF2B5EF4-FFF2-40B4-BE49-F238E27FC236}">
                <a16:creationId xmlns:a16="http://schemas.microsoft.com/office/drawing/2014/main" id="{9AC1B4F1-35FC-25F4-B18D-7F01004FE209}"/>
              </a:ext>
            </a:extLst>
          </p:cNvPr>
          <p:cNvSpPr txBox="1">
            <a:spLocks/>
          </p:cNvSpPr>
          <p:nvPr/>
        </p:nvSpPr>
        <p:spPr bwMode="auto">
          <a:xfrm>
            <a:off x="2979402" y="2781788"/>
            <a:ext cx="1080000" cy="36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400" b="1" i="0" u="none" strike="noStrike" kern="100" cap="none" spc="0" normalizeH="0" baseline="0" noProof="0" dirty="0">
                <a:ln>
                  <a:noFill/>
                </a:ln>
                <a:solidFill>
                  <a:srgbClr val="FFFFFF">
                    <a:lumMod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5,8</a:t>
            </a:r>
            <a:r>
              <a:rPr kumimoji="0" lang="de-DE" sz="2400" b="0" i="0" u="none" strike="noStrike" kern="100" cap="none" spc="0" normalizeH="0" baseline="0" noProof="0" dirty="0">
                <a:ln>
                  <a:noFill/>
                </a:ln>
                <a:solidFill>
                  <a:srgbClr val="FFFFFF">
                    <a:lumMod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%</a:t>
            </a:r>
          </a:p>
        </p:txBody>
      </p:sp>
      <p:sp>
        <p:nvSpPr>
          <p:cNvPr id="32" name="Titel 1">
            <a:extLst>
              <a:ext uri="{FF2B5EF4-FFF2-40B4-BE49-F238E27FC236}">
                <a16:creationId xmlns:a16="http://schemas.microsoft.com/office/drawing/2014/main" id="{F57B1BF7-E6CB-BCB9-0F37-A64909CE6999}"/>
              </a:ext>
            </a:extLst>
          </p:cNvPr>
          <p:cNvSpPr txBox="1">
            <a:spLocks/>
          </p:cNvSpPr>
          <p:nvPr/>
        </p:nvSpPr>
        <p:spPr bwMode="auto">
          <a:xfrm>
            <a:off x="2979402" y="3595820"/>
            <a:ext cx="1080000" cy="36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400" b="1" i="0" u="none" strike="noStrike" kern="100" cap="none" spc="0" normalizeH="0" baseline="0" noProof="0" dirty="0">
                <a:ln>
                  <a:noFill/>
                </a:ln>
                <a:solidFill>
                  <a:srgbClr val="013B7E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82,7</a:t>
            </a:r>
            <a:r>
              <a:rPr kumimoji="0" lang="de-DE" sz="2400" b="0" i="0" u="none" strike="noStrike" kern="100" cap="none" spc="0" normalizeH="0" baseline="0" noProof="0" dirty="0">
                <a:ln>
                  <a:noFill/>
                </a:ln>
                <a:solidFill>
                  <a:srgbClr val="013B7E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%</a:t>
            </a:r>
          </a:p>
        </p:txBody>
      </p:sp>
      <p:pic>
        <p:nvPicPr>
          <p:cNvPr id="3" name="Grafik 2">
            <a:extLst>
              <a:ext uri="{FF2B5EF4-FFF2-40B4-BE49-F238E27FC236}">
                <a16:creationId xmlns:a16="http://schemas.microsoft.com/office/drawing/2014/main" id="{FA6BE9C1-FB0B-D89B-80A1-7A39D8262FB1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63490" y="1995750"/>
            <a:ext cx="592457" cy="576000"/>
          </a:xfrm>
          <a:prstGeom prst="rect">
            <a:avLst/>
          </a:prstGeom>
        </p:spPr>
      </p:pic>
      <p:pic>
        <p:nvPicPr>
          <p:cNvPr id="5" name="Grafik 4">
            <a:extLst>
              <a:ext uri="{FF2B5EF4-FFF2-40B4-BE49-F238E27FC236}">
                <a16:creationId xmlns:a16="http://schemas.microsoft.com/office/drawing/2014/main" id="{AE445970-DC35-FC62-5F6B-9F6AB85FEA26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7163095" y="1995750"/>
            <a:ext cx="592458" cy="576000"/>
          </a:xfrm>
          <a:prstGeom prst="rect">
            <a:avLst/>
          </a:prstGeom>
        </p:spPr>
      </p:pic>
      <p:sp>
        <p:nvSpPr>
          <p:cNvPr id="36" name="Titel 1">
            <a:extLst>
              <a:ext uri="{FF2B5EF4-FFF2-40B4-BE49-F238E27FC236}">
                <a16:creationId xmlns:a16="http://schemas.microsoft.com/office/drawing/2014/main" id="{3F618AB6-F85E-25F1-BE4D-6558CABCCEF1}"/>
              </a:ext>
            </a:extLst>
          </p:cNvPr>
          <p:cNvSpPr txBox="1">
            <a:spLocks/>
          </p:cNvSpPr>
          <p:nvPr/>
        </p:nvSpPr>
        <p:spPr bwMode="auto">
          <a:xfrm>
            <a:off x="5359536" y="3974845"/>
            <a:ext cx="1232557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7030A0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67,1%</a:t>
            </a:r>
          </a:p>
        </p:txBody>
      </p:sp>
      <p:sp>
        <p:nvSpPr>
          <p:cNvPr id="37" name="Titel 1">
            <a:extLst>
              <a:ext uri="{FF2B5EF4-FFF2-40B4-BE49-F238E27FC236}">
                <a16:creationId xmlns:a16="http://schemas.microsoft.com/office/drawing/2014/main" id="{438DB04F-6C54-C897-F929-7055F9D28FC8}"/>
              </a:ext>
            </a:extLst>
          </p:cNvPr>
          <p:cNvSpPr txBox="1">
            <a:spLocks/>
          </p:cNvSpPr>
          <p:nvPr/>
        </p:nvSpPr>
        <p:spPr bwMode="auto">
          <a:xfrm>
            <a:off x="2979402" y="3974845"/>
            <a:ext cx="1232558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013B7E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74,1%</a:t>
            </a:r>
          </a:p>
        </p:txBody>
      </p:sp>
      <p:cxnSp>
        <p:nvCxnSpPr>
          <p:cNvPr id="38" name="Gerade Verbindung 37">
            <a:extLst>
              <a:ext uri="{FF2B5EF4-FFF2-40B4-BE49-F238E27FC236}">
                <a16:creationId xmlns:a16="http://schemas.microsoft.com/office/drawing/2014/main" id="{7AF3A1A3-D649-CE3D-4834-714C21B9B5CC}"/>
              </a:ext>
            </a:extLst>
          </p:cNvPr>
          <p:cNvCxnSpPr>
            <a:cxnSpLocks noChangeAspect="1"/>
          </p:cNvCxnSpPr>
          <p:nvPr/>
        </p:nvCxnSpPr>
        <p:spPr bwMode="auto">
          <a:xfrm>
            <a:off x="2399808" y="3313641"/>
            <a:ext cx="397142" cy="397142"/>
          </a:xfrm>
          <a:prstGeom prst="line">
            <a:avLst/>
          </a:prstGeom>
          <a:noFill/>
          <a:ln w="12700" cap="flat" cmpd="sng" algn="ctr">
            <a:solidFill>
              <a:schemeClr val="bg2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40" name="Gerade Verbindung 39">
            <a:extLst>
              <a:ext uri="{FF2B5EF4-FFF2-40B4-BE49-F238E27FC236}">
                <a16:creationId xmlns:a16="http://schemas.microsoft.com/office/drawing/2014/main" id="{CD0C7E00-94D8-631D-7FC0-C9D120C7A49A}"/>
              </a:ext>
            </a:extLst>
          </p:cNvPr>
          <p:cNvCxnSpPr>
            <a:cxnSpLocks noChangeAspect="1"/>
          </p:cNvCxnSpPr>
          <p:nvPr/>
        </p:nvCxnSpPr>
        <p:spPr bwMode="auto">
          <a:xfrm flipH="1">
            <a:off x="6300288" y="3219822"/>
            <a:ext cx="490961" cy="490961"/>
          </a:xfrm>
          <a:prstGeom prst="line">
            <a:avLst/>
          </a:prstGeom>
          <a:noFill/>
          <a:ln w="12700" cap="flat" cmpd="sng" algn="ctr">
            <a:solidFill>
              <a:schemeClr val="bg2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43" name="Textfeld 42">
            <a:extLst>
              <a:ext uri="{FF2B5EF4-FFF2-40B4-BE49-F238E27FC236}">
                <a16:creationId xmlns:a16="http://schemas.microsoft.com/office/drawing/2014/main" id="{D0130A20-DD44-C502-6F4B-99E86BE9B77C}"/>
              </a:ext>
            </a:extLst>
          </p:cNvPr>
          <p:cNvSpPr txBox="1"/>
          <p:nvPr/>
        </p:nvSpPr>
        <p:spPr>
          <a:xfrm>
            <a:off x="6948264" y="4650244"/>
            <a:ext cx="1969366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r" defTabSz="914378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8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Quelle: PV OÖ, Juli 2022</a:t>
            </a:r>
          </a:p>
        </p:txBody>
      </p:sp>
      <p:sp>
        <p:nvSpPr>
          <p:cNvPr id="44" name="Titel 1">
            <a:extLst>
              <a:ext uri="{FF2B5EF4-FFF2-40B4-BE49-F238E27FC236}">
                <a16:creationId xmlns:a16="http://schemas.microsoft.com/office/drawing/2014/main" id="{E9CB0642-A4E5-7CC6-B9C8-B2954595535C}"/>
              </a:ext>
            </a:extLst>
          </p:cNvPr>
          <p:cNvSpPr txBox="1">
            <a:spLocks/>
          </p:cNvSpPr>
          <p:nvPr/>
        </p:nvSpPr>
        <p:spPr bwMode="auto">
          <a:xfrm>
            <a:off x="7812360" y="365424"/>
            <a:ext cx="1080000" cy="36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800" b="1" i="0" u="none" strike="noStrike" kern="100" cap="none" spc="0" normalizeH="0" baseline="0" noProof="0" dirty="0">
                <a:ln>
                  <a:noFill/>
                </a:ln>
                <a:solidFill>
                  <a:srgbClr val="7030A0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2023</a:t>
            </a:r>
            <a:endParaRPr kumimoji="0" lang="de-DE" sz="2800" b="0" i="0" u="none" strike="noStrike" kern="100" cap="none" spc="0" normalizeH="0" baseline="0" noProof="0" dirty="0">
              <a:ln>
                <a:noFill/>
              </a:ln>
              <a:solidFill>
                <a:srgbClr val="7030A0"/>
              </a:solidFill>
              <a:effectLst/>
              <a:uLnTx/>
              <a:uFillTx/>
              <a:latin typeface="Arial" panose="020B0604020202020204" pitchFamily="34" charset="0"/>
              <a:ea typeface="+mj-ea"/>
              <a:cs typeface="Arial" panose="020B0604020202020204" pitchFamily="34" charset="0"/>
            </a:endParaRPr>
          </a:p>
        </p:txBody>
      </p:sp>
      <p:sp>
        <p:nvSpPr>
          <p:cNvPr id="45" name="Titel 1">
            <a:extLst>
              <a:ext uri="{FF2B5EF4-FFF2-40B4-BE49-F238E27FC236}">
                <a16:creationId xmlns:a16="http://schemas.microsoft.com/office/drawing/2014/main" id="{D09BEAA3-206E-199C-168C-1C63C8AD0077}"/>
              </a:ext>
            </a:extLst>
          </p:cNvPr>
          <p:cNvSpPr txBox="1">
            <a:spLocks/>
          </p:cNvSpPr>
          <p:nvPr/>
        </p:nvSpPr>
        <p:spPr bwMode="auto">
          <a:xfrm>
            <a:off x="7812359" y="810220"/>
            <a:ext cx="1232557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800" b="0" i="0" u="none" strike="noStrike" kern="100" cap="none" spc="0" normalizeH="0" baseline="0" noProof="0" dirty="0">
                <a:ln>
                  <a:noFill/>
                </a:ln>
                <a:solidFill>
                  <a:srgbClr val="7030A0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2021</a:t>
            </a:r>
          </a:p>
        </p:txBody>
      </p:sp>
      <p:sp>
        <p:nvSpPr>
          <p:cNvPr id="46" name="Titel 1">
            <a:extLst>
              <a:ext uri="{FF2B5EF4-FFF2-40B4-BE49-F238E27FC236}">
                <a16:creationId xmlns:a16="http://schemas.microsoft.com/office/drawing/2014/main" id="{6C94E286-CDF5-5556-5EAF-DB1FCE99580D}"/>
              </a:ext>
            </a:extLst>
          </p:cNvPr>
          <p:cNvSpPr txBox="1">
            <a:spLocks/>
          </p:cNvSpPr>
          <p:nvPr/>
        </p:nvSpPr>
        <p:spPr bwMode="auto">
          <a:xfrm>
            <a:off x="5359536" y="3158076"/>
            <a:ext cx="1232557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000000">
                    <a:lumMod val="50000"/>
                    <a:lumOff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14,3%</a:t>
            </a:r>
          </a:p>
        </p:txBody>
      </p:sp>
      <p:sp>
        <p:nvSpPr>
          <p:cNvPr id="47" name="Titel 1">
            <a:extLst>
              <a:ext uri="{FF2B5EF4-FFF2-40B4-BE49-F238E27FC236}">
                <a16:creationId xmlns:a16="http://schemas.microsoft.com/office/drawing/2014/main" id="{5D0EC74A-DFA1-3143-6265-DF449C457A45}"/>
              </a:ext>
            </a:extLst>
          </p:cNvPr>
          <p:cNvSpPr txBox="1">
            <a:spLocks/>
          </p:cNvSpPr>
          <p:nvPr/>
        </p:nvSpPr>
        <p:spPr bwMode="auto">
          <a:xfrm>
            <a:off x="2979402" y="3158076"/>
            <a:ext cx="1232558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000000">
                    <a:lumMod val="50000"/>
                    <a:lumOff val="50000"/>
                  </a:srgbClr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6,6%</a:t>
            </a:r>
          </a:p>
        </p:txBody>
      </p:sp>
      <p:sp>
        <p:nvSpPr>
          <p:cNvPr id="48" name="Titel 1">
            <a:extLst>
              <a:ext uri="{FF2B5EF4-FFF2-40B4-BE49-F238E27FC236}">
                <a16:creationId xmlns:a16="http://schemas.microsoft.com/office/drawing/2014/main" id="{D2DF4897-12F1-784F-B2BA-B5CBD663DC5D}"/>
              </a:ext>
            </a:extLst>
          </p:cNvPr>
          <p:cNvSpPr txBox="1">
            <a:spLocks/>
          </p:cNvSpPr>
          <p:nvPr/>
        </p:nvSpPr>
        <p:spPr bwMode="auto">
          <a:xfrm>
            <a:off x="5359536" y="2365988"/>
            <a:ext cx="1232557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72BFC5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0,8%</a:t>
            </a:r>
          </a:p>
        </p:txBody>
      </p:sp>
      <p:sp>
        <p:nvSpPr>
          <p:cNvPr id="49" name="Titel 1">
            <a:extLst>
              <a:ext uri="{FF2B5EF4-FFF2-40B4-BE49-F238E27FC236}">
                <a16:creationId xmlns:a16="http://schemas.microsoft.com/office/drawing/2014/main" id="{B6285639-1D1D-9ADC-8E44-73629CC946E2}"/>
              </a:ext>
            </a:extLst>
          </p:cNvPr>
          <p:cNvSpPr txBox="1">
            <a:spLocks/>
          </p:cNvSpPr>
          <p:nvPr/>
        </p:nvSpPr>
        <p:spPr bwMode="auto">
          <a:xfrm>
            <a:off x="2979402" y="2365988"/>
            <a:ext cx="1232558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72BFC5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0,7%</a:t>
            </a:r>
          </a:p>
        </p:txBody>
      </p:sp>
      <p:sp>
        <p:nvSpPr>
          <p:cNvPr id="53" name="Titel 1">
            <a:extLst>
              <a:ext uri="{FF2B5EF4-FFF2-40B4-BE49-F238E27FC236}">
                <a16:creationId xmlns:a16="http://schemas.microsoft.com/office/drawing/2014/main" id="{C4F3065B-9564-6280-FC39-76104EBF72E8}"/>
              </a:ext>
            </a:extLst>
          </p:cNvPr>
          <p:cNvSpPr txBox="1">
            <a:spLocks/>
          </p:cNvSpPr>
          <p:nvPr/>
        </p:nvSpPr>
        <p:spPr bwMode="auto">
          <a:xfrm>
            <a:off x="5359536" y="1578072"/>
            <a:ext cx="1232557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E4002C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17,8%</a:t>
            </a:r>
          </a:p>
        </p:txBody>
      </p:sp>
      <p:sp>
        <p:nvSpPr>
          <p:cNvPr id="54" name="Titel 1">
            <a:extLst>
              <a:ext uri="{FF2B5EF4-FFF2-40B4-BE49-F238E27FC236}">
                <a16:creationId xmlns:a16="http://schemas.microsoft.com/office/drawing/2014/main" id="{49EE3CB6-E1FB-FAE6-D9D4-B01D3465EDF9}"/>
              </a:ext>
            </a:extLst>
          </p:cNvPr>
          <p:cNvSpPr txBox="1">
            <a:spLocks/>
          </p:cNvSpPr>
          <p:nvPr/>
        </p:nvSpPr>
        <p:spPr bwMode="auto">
          <a:xfrm>
            <a:off x="2979402" y="1578072"/>
            <a:ext cx="1232558" cy="277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800" b="1" kern="100" spc="0" baseline="0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E4002D"/>
                </a:solidFill>
                <a:latin typeface="Arial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00" cap="none" spc="0" normalizeH="0" baseline="0" noProof="0" dirty="0">
                <a:ln>
                  <a:noFill/>
                </a:ln>
                <a:solidFill>
                  <a:srgbClr val="E4002C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18,5%</a:t>
            </a:r>
          </a:p>
        </p:txBody>
      </p:sp>
      <p:cxnSp>
        <p:nvCxnSpPr>
          <p:cNvPr id="68" name="Gerade Verbindung 67">
            <a:extLst>
              <a:ext uri="{FF2B5EF4-FFF2-40B4-BE49-F238E27FC236}">
                <a16:creationId xmlns:a16="http://schemas.microsoft.com/office/drawing/2014/main" id="{17400AF2-546F-93E0-B0B8-E709DE6B797C}"/>
              </a:ext>
            </a:extLst>
          </p:cNvPr>
          <p:cNvCxnSpPr>
            <a:cxnSpLocks noChangeAspect="1"/>
          </p:cNvCxnSpPr>
          <p:nvPr/>
        </p:nvCxnSpPr>
        <p:spPr bwMode="auto">
          <a:xfrm>
            <a:off x="1928425" y="3141467"/>
            <a:ext cx="868525" cy="868525"/>
          </a:xfrm>
          <a:prstGeom prst="line">
            <a:avLst/>
          </a:prstGeom>
          <a:noFill/>
          <a:ln w="12700" cap="flat" cmpd="sng" algn="ctr">
            <a:solidFill>
              <a:schemeClr val="bg2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69" name="Gerade Verbindung 68">
            <a:extLst>
              <a:ext uri="{FF2B5EF4-FFF2-40B4-BE49-F238E27FC236}">
                <a16:creationId xmlns:a16="http://schemas.microsoft.com/office/drawing/2014/main" id="{6D048805-640C-1B08-9A00-27E7C9611D4C}"/>
              </a:ext>
            </a:extLst>
          </p:cNvPr>
          <p:cNvCxnSpPr>
            <a:cxnSpLocks noChangeAspect="1"/>
          </p:cNvCxnSpPr>
          <p:nvPr/>
        </p:nvCxnSpPr>
        <p:spPr bwMode="auto">
          <a:xfrm flipH="1">
            <a:off x="6300288" y="3123903"/>
            <a:ext cx="886089" cy="886089"/>
          </a:xfrm>
          <a:prstGeom prst="line">
            <a:avLst/>
          </a:prstGeom>
          <a:noFill/>
          <a:ln w="12700" cap="flat" cmpd="sng" algn="ctr">
            <a:solidFill>
              <a:schemeClr val="bg2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73" name="Gerade Verbindung 72">
            <a:extLst>
              <a:ext uri="{FF2B5EF4-FFF2-40B4-BE49-F238E27FC236}">
                <a16:creationId xmlns:a16="http://schemas.microsoft.com/office/drawing/2014/main" id="{5FAACCBD-3CA1-1329-C11D-601A2922A3F7}"/>
              </a:ext>
            </a:extLst>
          </p:cNvPr>
          <p:cNvCxnSpPr/>
          <p:nvPr/>
        </p:nvCxnSpPr>
        <p:spPr bwMode="auto">
          <a:xfrm>
            <a:off x="6300288" y="1419622"/>
            <a:ext cx="647976" cy="0"/>
          </a:xfrm>
          <a:prstGeom prst="line">
            <a:avLst/>
          </a:prstGeom>
          <a:noFill/>
          <a:ln w="12700" cap="flat" cmpd="sng" algn="ctr">
            <a:solidFill>
              <a:schemeClr val="bg2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74" name="Gerade Verbindung 73">
            <a:extLst>
              <a:ext uri="{FF2B5EF4-FFF2-40B4-BE49-F238E27FC236}">
                <a16:creationId xmlns:a16="http://schemas.microsoft.com/office/drawing/2014/main" id="{05297903-1B04-364B-4FD7-CC328F3170C5}"/>
              </a:ext>
            </a:extLst>
          </p:cNvPr>
          <p:cNvCxnSpPr/>
          <p:nvPr/>
        </p:nvCxnSpPr>
        <p:spPr bwMode="auto">
          <a:xfrm>
            <a:off x="5905160" y="1721280"/>
            <a:ext cx="1403144" cy="0"/>
          </a:xfrm>
          <a:prstGeom prst="line">
            <a:avLst/>
          </a:prstGeom>
          <a:noFill/>
          <a:ln w="12700" cap="flat" cmpd="sng" algn="ctr">
            <a:solidFill>
              <a:schemeClr val="bg2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</p:spTree>
    <p:extLst>
      <p:ext uri="{BB962C8B-B14F-4D97-AF65-F5344CB8AC3E}">
        <p14:creationId xmlns:p14="http://schemas.microsoft.com/office/powerpoint/2010/main" val="1381645971"/>
      </p:ext>
    </p:extLst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>
          <a:xfrm>
            <a:off x="719138" y="360000"/>
            <a:ext cx="8101334" cy="3723918"/>
          </a:xfrm>
          <a:prstGeom prst="rect">
            <a:avLst/>
          </a:prstGeom>
        </p:spPr>
        <p:txBody>
          <a:bodyPr/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AT" sz="3000" b="1" i="0" u="none" strike="noStrike" kern="0" cap="none" spc="0" normalizeH="0" baseline="0" noProof="0" dirty="0" smtClean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/>
                <a:ea typeface="+mj-ea"/>
                <a:cs typeface="+mj-cs"/>
              </a:rPr>
              <a:t>3 Herausforderungen (kurz- und mittelfristig)</a:t>
            </a:r>
          </a:p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AT" altLang="de-DE" sz="2400" b="0" i="0" u="none" strike="noStrike" kern="0" cap="none" spc="0" normalizeH="0" baseline="0" noProof="0" dirty="0" smtClean="0">
              <a:ln>
                <a:noFill/>
              </a:ln>
              <a:solidFill>
                <a:srgbClr val="004F9F"/>
              </a:solidFill>
              <a:effectLst/>
              <a:uLnTx/>
              <a:uFillTx/>
              <a:latin typeface="Arial"/>
              <a:ea typeface="+mj-ea"/>
              <a:cs typeface="+mj-cs"/>
            </a:endParaRPr>
          </a:p>
          <a:p>
            <a:pPr marL="342900" marR="0" lvl="0" indent="-34290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de-AT" altLang="de-DE" sz="2400" b="0" i="0" u="none" strike="noStrike" kern="0" cap="none" spc="0" normalizeH="0" baseline="0" noProof="0" dirty="0" smtClean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/>
                <a:ea typeface="+mj-ea"/>
                <a:cs typeface="+mj-cs"/>
              </a:rPr>
              <a:t>demografische Entwicklung (Arbeitskräfte „fehlen“)</a:t>
            </a:r>
          </a:p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AT" altLang="de-DE" sz="1200" b="0" i="0" u="none" strike="noStrike" kern="0" cap="none" spc="0" normalizeH="0" baseline="0" noProof="0" dirty="0" smtClean="0">
              <a:ln>
                <a:noFill/>
              </a:ln>
              <a:solidFill>
                <a:srgbClr val="004F9F"/>
              </a:solidFill>
              <a:effectLst/>
              <a:uLnTx/>
              <a:uFillTx/>
              <a:latin typeface="Arial"/>
              <a:ea typeface="+mj-ea"/>
              <a:cs typeface="+mj-cs"/>
            </a:endParaRPr>
          </a:p>
          <a:p>
            <a:pPr marL="342900" marR="0" lvl="0" indent="-34290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de-AT" altLang="de-DE" sz="2400" b="0" i="0" u="none" strike="noStrike" kern="0" cap="none" spc="0" normalizeH="0" baseline="0" noProof="0" dirty="0" smtClean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/>
                <a:ea typeface="+mj-ea"/>
                <a:cs typeface="+mj-cs"/>
              </a:rPr>
              <a:t>Tendenz zur sinkenden Arbeitszeit (Stichwort Teilzeit-Quote, insbes. für OÖ)</a:t>
            </a:r>
          </a:p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AT" altLang="de-DE" sz="1200" b="0" i="0" u="none" strike="noStrike" kern="0" cap="none" spc="0" normalizeH="0" baseline="0" noProof="0" dirty="0" smtClean="0">
              <a:ln>
                <a:noFill/>
              </a:ln>
              <a:solidFill>
                <a:srgbClr val="004F9F"/>
              </a:solidFill>
              <a:effectLst/>
              <a:uLnTx/>
              <a:uFillTx/>
              <a:latin typeface="Arial"/>
              <a:ea typeface="+mj-ea"/>
              <a:cs typeface="+mj-cs"/>
            </a:endParaRPr>
          </a:p>
          <a:p>
            <a:pPr marL="342900" marR="0" lvl="0" indent="-34290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de-AT" altLang="de-DE" sz="2400" b="0" i="0" u="none" strike="noStrike" kern="0" cap="none" spc="0" normalizeH="0" baseline="0" noProof="0" dirty="0" smtClean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/>
                <a:ea typeface="+mj-ea"/>
                <a:cs typeface="+mj-cs"/>
              </a:rPr>
              <a:t>Arbeitskräfte halten (Vorsicht beim Freisetzen in diesem Jahr gut beobachtbar)</a:t>
            </a:r>
          </a:p>
        </p:txBody>
      </p:sp>
    </p:spTree>
    <p:extLst>
      <p:ext uri="{BB962C8B-B14F-4D97-AF65-F5344CB8AC3E}">
        <p14:creationId xmlns:p14="http://schemas.microsoft.com/office/powerpoint/2010/main" val="7858502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hteck 1"/>
          <p:cNvSpPr/>
          <p:nvPr/>
        </p:nvSpPr>
        <p:spPr>
          <a:xfrm>
            <a:off x="1143000" y="2807494"/>
            <a:ext cx="4617244" cy="540544"/>
          </a:xfrm>
          <a:prstGeom prst="rect">
            <a:avLst/>
          </a:prstGeom>
          <a:solidFill>
            <a:srgbClr val="E10032">
              <a:alpha val="9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lang="de-AT" dirty="0"/>
          </a:p>
        </p:txBody>
      </p:sp>
      <p:sp>
        <p:nvSpPr>
          <p:cNvPr id="3" name="Textfeld 6"/>
          <p:cNvSpPr txBox="1">
            <a:spLocks noChangeArrowheads="1"/>
          </p:cNvSpPr>
          <p:nvPr/>
        </p:nvSpPr>
        <p:spPr bwMode="auto">
          <a:xfrm>
            <a:off x="1086496" y="864990"/>
            <a:ext cx="6944815" cy="14430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/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sz="3200">
                <a:solidFill>
                  <a:schemeClr val="tx1"/>
                </a:solidFill>
                <a:latin typeface="Calibri" pitchFamily="34" charset="0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sz="2800">
                <a:solidFill>
                  <a:schemeClr val="tx1"/>
                </a:solidFill>
                <a:latin typeface="Calibri" pitchFamily="34" charset="0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sz="2400">
                <a:solidFill>
                  <a:schemeClr val="tx1"/>
                </a:solidFill>
                <a:latin typeface="Calibri" pitchFamily="34" charset="0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sz="2000">
                <a:solidFill>
                  <a:schemeClr val="tx1"/>
                </a:solidFill>
                <a:latin typeface="Calibri" pitchFamily="34" charset="0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9pPr>
          </a:lstStyle>
          <a:p>
            <a:pPr eaLnBrk="1" hangingPunct="1">
              <a:lnSpc>
                <a:spcPts val="5400"/>
              </a:lnSpc>
              <a:spcBef>
                <a:spcPct val="0"/>
              </a:spcBef>
              <a:buNone/>
              <a:defRPr/>
            </a:pPr>
            <a:r>
              <a:rPr lang="de-AT" altLang="de-DE" sz="4800" b="1" spc="-75" dirty="0" smtClean="0">
                <a:solidFill>
                  <a:schemeClr val="bg1"/>
                </a:solidFill>
                <a:latin typeface="AMS" pitchFamily="34" charset="0"/>
                <a:cs typeface="Arial" charset="0"/>
              </a:rPr>
              <a:t>18. </a:t>
            </a:r>
            <a:r>
              <a:rPr lang="de-AT" altLang="de-DE" sz="4800" b="1" spc="-75" dirty="0" smtClean="0">
                <a:solidFill>
                  <a:schemeClr val="bg1"/>
                </a:solidFill>
                <a:latin typeface="AMS" pitchFamily="34" charset="0"/>
                <a:cs typeface="Arial" charset="0"/>
              </a:rPr>
              <a:t>WIFI – Stiftungstreffen</a:t>
            </a:r>
            <a:endParaRPr lang="de-AT" altLang="de-DE" sz="4800" b="1" spc="-75" dirty="0">
              <a:solidFill>
                <a:schemeClr val="bg1"/>
              </a:solidFill>
              <a:latin typeface="AMS" pitchFamily="34" charset="0"/>
              <a:cs typeface="Arial" charset="0"/>
            </a:endParaRPr>
          </a:p>
        </p:txBody>
      </p:sp>
      <p:sp>
        <p:nvSpPr>
          <p:cNvPr id="4100" name="Textfeld 8"/>
          <p:cNvSpPr txBox="1">
            <a:spLocks noChangeArrowheads="1"/>
          </p:cNvSpPr>
          <p:nvPr/>
        </p:nvSpPr>
        <p:spPr bwMode="auto">
          <a:xfrm>
            <a:off x="1266089" y="2870643"/>
            <a:ext cx="4616054" cy="2702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r>
              <a:rPr lang="de-DE" altLang="de-DE" sz="1500" b="1" dirty="0">
                <a:solidFill>
                  <a:schemeClr val="bg1"/>
                </a:solidFill>
                <a:latin typeface="AMS" panose="020B0604020202020204" pitchFamily="34" charset="0"/>
              </a:rPr>
              <a:t>Mag. Barbara Haunschmidt</a:t>
            </a:r>
            <a:endParaRPr lang="de-AT" altLang="de-DE" sz="1500" b="1" dirty="0">
              <a:solidFill>
                <a:schemeClr val="bg1"/>
              </a:solidFill>
              <a:latin typeface="AMS" panose="020B0604020202020204" pitchFamily="34" charset="0"/>
            </a:endParaRPr>
          </a:p>
        </p:txBody>
      </p:sp>
      <p:sp>
        <p:nvSpPr>
          <p:cNvPr id="4101" name="Rechteck 4"/>
          <p:cNvSpPr>
            <a:spLocks noChangeArrowheads="1"/>
          </p:cNvSpPr>
          <p:nvPr/>
        </p:nvSpPr>
        <p:spPr bwMode="auto">
          <a:xfrm>
            <a:off x="1259632" y="3157829"/>
            <a:ext cx="3671888" cy="1845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r>
              <a:rPr lang="de-DE" altLang="de-DE" sz="900" dirty="0" smtClean="0">
                <a:solidFill>
                  <a:schemeClr val="bg1"/>
                </a:solidFill>
                <a:latin typeface="AMS" panose="020B0604020202020204" pitchFamily="34" charset="0"/>
              </a:rPr>
              <a:t>15.05.2024</a:t>
            </a:r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endParaRPr lang="de-DE" altLang="de-DE" sz="900" dirty="0">
              <a:solidFill>
                <a:schemeClr val="bg1"/>
              </a:solidFill>
              <a:latin typeface="AMS" panose="020B0604020202020204" pitchFamily="34" charset="0"/>
            </a:endParaRPr>
          </a:p>
          <a:p>
            <a:pPr eaLnBrk="1" hangingPunct="1"/>
            <a:r>
              <a:rPr lang="de-DE" altLang="de-DE" sz="600" dirty="0">
                <a:latin typeface="AMS" panose="020B0604020202020204" pitchFamily="34" charset="0"/>
              </a:rPr>
              <a:t>Erstellt von Mag. Barbara Haunschmidt</a:t>
            </a:r>
            <a:endParaRPr lang="de-AT" altLang="de-DE" sz="600" dirty="0">
              <a:latin typeface="AMS" panose="020B0604020202020204" pitchFamily="34" charset="0"/>
            </a:endParaRPr>
          </a:p>
        </p:txBody>
      </p:sp>
      <p:sp>
        <p:nvSpPr>
          <p:cNvPr id="4102" name="Rechteck 5"/>
          <p:cNvSpPr>
            <a:spLocks noChangeArrowheads="1"/>
          </p:cNvSpPr>
          <p:nvPr/>
        </p:nvSpPr>
        <p:spPr bwMode="auto">
          <a:xfrm>
            <a:off x="2088357" y="3575447"/>
            <a:ext cx="2470547" cy="1845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endParaRPr lang="de-AT" altLang="de-DE" sz="900">
              <a:solidFill>
                <a:srgbClr val="A0D2F0"/>
              </a:solidFill>
              <a:latin typeface="AMS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494667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uppieren 4"/>
          <p:cNvGrpSpPr>
            <a:grpSpLocks/>
          </p:cNvGrpSpPr>
          <p:nvPr/>
        </p:nvGrpSpPr>
        <p:grpSpPr bwMode="auto">
          <a:xfrm>
            <a:off x="467544" y="339502"/>
            <a:ext cx="8353425" cy="927553"/>
            <a:chOff x="0" y="-285256"/>
            <a:chExt cx="8352928" cy="743535"/>
          </a:xfrm>
          <a:solidFill>
            <a:srgbClr val="0070C0"/>
          </a:solidFill>
        </p:grpSpPr>
        <p:sp>
          <p:nvSpPr>
            <p:cNvPr id="6" name="Abgerundetes Rechteck 5"/>
            <p:cNvSpPr/>
            <p:nvPr/>
          </p:nvSpPr>
          <p:spPr>
            <a:xfrm>
              <a:off x="0" y="-285256"/>
              <a:ext cx="8352928" cy="743535"/>
            </a:xfrm>
            <a:prstGeom prst="roundRect">
              <a:avLst/>
            </a:prstGeom>
            <a:grpFill/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7" name="Abgerundetes Rechteck 4"/>
            <p:cNvSpPr/>
            <p:nvPr/>
          </p:nvSpPr>
          <p:spPr>
            <a:xfrm>
              <a:off x="242123" y="-168847"/>
              <a:ext cx="7920408" cy="619854"/>
            </a:xfrm>
            <a:prstGeom prst="rect">
              <a:avLst/>
            </a:prstGeom>
            <a:grpFill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lIns="118110" tIns="118110" rIns="118110" bIns="118110" spcCol="1270" anchor="ctr"/>
            <a:lstStyle/>
            <a:p>
              <a:pPr algn="ctr" defTabSz="1377950" eaLnBrk="1" hangingPunct="1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de-DE" sz="4400" b="1" dirty="0"/>
                <a:t>AST-Eintritte </a:t>
              </a:r>
              <a:r>
                <a:rPr lang="de-DE" sz="4400" b="1" dirty="0" smtClean="0"/>
                <a:t>in OÖ</a:t>
              </a:r>
              <a:endParaRPr lang="de-AT" sz="4400" dirty="0"/>
            </a:p>
          </p:txBody>
        </p:sp>
      </p:grpSp>
      <p:pic>
        <p:nvPicPr>
          <p:cNvPr id="9" name="Inhaltsplatzhalter 8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1691680" y="1779662"/>
            <a:ext cx="5201752" cy="2046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824420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uppieren 4"/>
          <p:cNvGrpSpPr>
            <a:grpSpLocks/>
          </p:cNvGrpSpPr>
          <p:nvPr/>
        </p:nvGrpSpPr>
        <p:grpSpPr bwMode="auto">
          <a:xfrm>
            <a:off x="467544" y="483518"/>
            <a:ext cx="8353425" cy="927553"/>
            <a:chOff x="0" y="-285256"/>
            <a:chExt cx="8352928" cy="743535"/>
          </a:xfrm>
          <a:solidFill>
            <a:srgbClr val="0070C0"/>
          </a:solidFill>
        </p:grpSpPr>
        <p:sp>
          <p:nvSpPr>
            <p:cNvPr id="6" name="Abgerundetes Rechteck 5"/>
            <p:cNvSpPr/>
            <p:nvPr/>
          </p:nvSpPr>
          <p:spPr>
            <a:xfrm>
              <a:off x="0" y="-285256"/>
              <a:ext cx="8352928" cy="743535"/>
            </a:xfrm>
            <a:prstGeom prst="roundRect">
              <a:avLst/>
            </a:prstGeom>
            <a:grpFill/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7" name="Abgerundetes Rechteck 4"/>
            <p:cNvSpPr/>
            <p:nvPr/>
          </p:nvSpPr>
          <p:spPr>
            <a:xfrm>
              <a:off x="242123" y="-168847"/>
              <a:ext cx="7920408" cy="619854"/>
            </a:xfrm>
            <a:prstGeom prst="rect">
              <a:avLst/>
            </a:prstGeom>
            <a:grpFill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lIns="118110" tIns="118110" rIns="118110" bIns="118110" spcCol="1270" anchor="ctr"/>
            <a:lstStyle/>
            <a:p>
              <a:pPr algn="ctr" defTabSz="1377950" eaLnBrk="1" hangingPunct="1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de-DE" sz="4400" b="1" dirty="0" smtClean="0"/>
                <a:t>Pflegestipendium in OÖ</a:t>
              </a:r>
              <a:endParaRPr lang="de-AT" sz="4400" dirty="0"/>
            </a:p>
          </p:txBody>
        </p:sp>
      </p:grpSp>
      <p:graphicFrame>
        <p:nvGraphicFramePr>
          <p:cNvPr id="10" name="Inhaltsplatzhalter 9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281273935"/>
              </p:ext>
            </p:extLst>
          </p:nvPr>
        </p:nvGraphicFramePr>
        <p:xfrm>
          <a:off x="2267744" y="1779662"/>
          <a:ext cx="3973736" cy="1936131"/>
        </p:xfrm>
        <a:graphic>
          <a:graphicData uri="http://schemas.openxmlformats.org/drawingml/2006/table">
            <a:tbl>
              <a:tblPr/>
              <a:tblGrid>
                <a:gridCol w="860737">
                  <a:extLst>
                    <a:ext uri="{9D8B030D-6E8A-4147-A177-3AD203B41FA5}">
                      <a16:colId xmlns:a16="http://schemas.microsoft.com/office/drawing/2014/main" val="2570051333"/>
                    </a:ext>
                  </a:extLst>
                </a:gridCol>
                <a:gridCol w="860737">
                  <a:extLst>
                    <a:ext uri="{9D8B030D-6E8A-4147-A177-3AD203B41FA5}">
                      <a16:colId xmlns:a16="http://schemas.microsoft.com/office/drawing/2014/main" val="2046795894"/>
                    </a:ext>
                  </a:extLst>
                </a:gridCol>
                <a:gridCol w="1061576">
                  <a:extLst>
                    <a:ext uri="{9D8B030D-6E8A-4147-A177-3AD203B41FA5}">
                      <a16:colId xmlns:a16="http://schemas.microsoft.com/office/drawing/2014/main" val="3974328587"/>
                    </a:ext>
                  </a:extLst>
                </a:gridCol>
                <a:gridCol w="1190686">
                  <a:extLst>
                    <a:ext uri="{9D8B030D-6E8A-4147-A177-3AD203B41FA5}">
                      <a16:colId xmlns:a16="http://schemas.microsoft.com/office/drawing/2014/main" val="1017707008"/>
                    </a:ext>
                  </a:extLst>
                </a:gridCol>
              </a:tblGrid>
              <a:tr h="680837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023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2C8E0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023</a:t>
                      </a:r>
                      <a:b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</a:br>
                      <a: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Jänner-April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024</a:t>
                      </a:r>
                      <a:b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</a:br>
                      <a: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Jänner bis April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655044033"/>
                  </a:ext>
                </a:extLst>
              </a:tr>
              <a:tr h="351057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BEMO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999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412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.284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821494493"/>
                  </a:ext>
                </a:extLst>
              </a:tr>
              <a:tr h="414885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ST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389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25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457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149794230"/>
                  </a:ext>
                </a:extLst>
              </a:tr>
              <a:tr h="489352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Gesamt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.388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637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12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.741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921718461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5618729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Grafik 7">
            <a:extLst>
              <a:ext uri="{FF2B5EF4-FFF2-40B4-BE49-F238E27FC236}">
                <a16:creationId xmlns:a16="http://schemas.microsoft.com/office/drawing/2014/main" id="{3AA3A4B1-8662-A775-55FE-57B60DD19AAE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0" y="0"/>
            <a:ext cx="9144000" cy="5143500"/>
          </a:xfrm>
          <a:prstGeom prst="rect">
            <a:avLst/>
          </a:prstGeom>
        </p:spPr>
      </p:pic>
      <p:sp>
        <p:nvSpPr>
          <p:cNvPr id="9" name="Titel 1">
            <a:extLst>
              <a:ext uri="{FF2B5EF4-FFF2-40B4-BE49-F238E27FC236}">
                <a16:creationId xmlns:a16="http://schemas.microsoft.com/office/drawing/2014/main" id="{0FA8F8BD-B578-7ACB-2D7B-8A21B7940860}"/>
              </a:ext>
            </a:extLst>
          </p:cNvPr>
          <p:cNvSpPr txBox="1">
            <a:spLocks/>
          </p:cNvSpPr>
          <p:nvPr/>
        </p:nvSpPr>
        <p:spPr>
          <a:xfrm>
            <a:off x="891513" y="1088625"/>
            <a:ext cx="4529721" cy="979069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txBody>
          <a:bodyPr wrap="none" lIns="180000" tIns="180000" rIns="180000" bIns="180000" anchor="t" anchorCtr="0">
            <a:sp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AT" sz="4000" b="1" i="0" u="none" strike="noStrike" kern="0" cap="none" spc="0" normalizeH="0" baseline="0" noProof="0" dirty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Der Arbeitsmarkt</a:t>
            </a:r>
            <a:endParaRPr kumimoji="0" lang="de-AT" sz="4000" b="0" i="0" u="none" strike="noStrike" kern="0" cap="none" spc="0" normalizeH="0" baseline="0" noProof="0" dirty="0">
              <a:ln>
                <a:noFill/>
              </a:ln>
              <a:solidFill>
                <a:srgbClr val="004F9F"/>
              </a:solidFill>
              <a:effectLst/>
              <a:uLnTx/>
              <a:uFillTx/>
              <a:latin typeface="Arial" panose="020B0604020202020204" pitchFamily="34" charset="0"/>
              <a:ea typeface="+mj-ea"/>
              <a:cs typeface="Arial" panose="020B0604020202020204" pitchFamily="34" charset="0"/>
            </a:endParaRPr>
          </a:p>
        </p:txBody>
      </p:sp>
      <p:sp>
        <p:nvSpPr>
          <p:cNvPr id="10" name="Titel 1">
            <a:extLst>
              <a:ext uri="{FF2B5EF4-FFF2-40B4-BE49-F238E27FC236}">
                <a16:creationId xmlns:a16="http://schemas.microsoft.com/office/drawing/2014/main" id="{249D021F-5419-E606-9FB7-8DF6699349B9}"/>
              </a:ext>
            </a:extLst>
          </p:cNvPr>
          <p:cNvSpPr txBox="1">
            <a:spLocks/>
          </p:cNvSpPr>
          <p:nvPr/>
        </p:nvSpPr>
        <p:spPr>
          <a:xfrm>
            <a:off x="891513" y="2283718"/>
            <a:ext cx="4112535" cy="1040624"/>
          </a:xfrm>
          <a:prstGeom prst="rect">
            <a:avLst/>
          </a:prstGeom>
        </p:spPr>
        <p:txBody>
          <a:bodyPr/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AT" sz="2800" b="0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+mj-cs"/>
              </a:rPr>
              <a:t>Aktuelle Daten, Trends 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AT" sz="2800" b="0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+mj-cs"/>
              </a:rPr>
              <a:t>und Entwicklungen</a:t>
            </a:r>
          </a:p>
        </p:txBody>
      </p:sp>
    </p:spTree>
    <p:extLst>
      <p:ext uri="{BB962C8B-B14F-4D97-AF65-F5344CB8AC3E}">
        <p14:creationId xmlns:p14="http://schemas.microsoft.com/office/powerpoint/2010/main" val="26652871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feld 4"/>
          <p:cNvSpPr txBox="1">
            <a:spLocks noChangeArrowheads="1"/>
          </p:cNvSpPr>
          <p:nvPr/>
        </p:nvSpPr>
        <p:spPr bwMode="auto">
          <a:xfrm>
            <a:off x="2195736" y="4587974"/>
            <a:ext cx="5241131" cy="2308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defTabSz="685800"/>
            <a:r>
              <a:rPr lang="de-DE" altLang="de-DE" sz="750" dirty="0" smtClean="0">
                <a:solidFill>
                  <a:srgbClr val="000000"/>
                </a:solidFill>
              </a:rPr>
              <a:t>                                             </a:t>
            </a:r>
            <a:r>
              <a:rPr lang="de-DE" altLang="de-DE" sz="750" dirty="0">
                <a:solidFill>
                  <a:srgbClr val="000000"/>
                </a:solidFill>
              </a:rPr>
              <a:t/>
            </a:r>
            <a:br>
              <a:rPr lang="de-DE" altLang="de-DE" sz="750" dirty="0">
                <a:solidFill>
                  <a:srgbClr val="000000"/>
                </a:solidFill>
              </a:rPr>
            </a:br>
            <a:r>
              <a:rPr lang="de-DE" altLang="de-DE" sz="750" dirty="0">
                <a:solidFill>
                  <a:srgbClr val="000000"/>
                </a:solidFill>
              </a:rPr>
              <a:t>Arbeitsmarkterfolg: DV zum Stichtag 92 Tage nach Austritt (absolvierte Personen)</a:t>
            </a:r>
          </a:p>
        </p:txBody>
      </p:sp>
      <p:grpSp>
        <p:nvGrpSpPr>
          <p:cNvPr id="6" name="Gruppieren 5"/>
          <p:cNvGrpSpPr>
            <a:grpSpLocks/>
          </p:cNvGrpSpPr>
          <p:nvPr/>
        </p:nvGrpSpPr>
        <p:grpSpPr bwMode="auto">
          <a:xfrm>
            <a:off x="467544" y="195486"/>
            <a:ext cx="8353425" cy="1440160"/>
            <a:chOff x="0" y="-861213"/>
            <a:chExt cx="8352928" cy="1319492"/>
          </a:xfrm>
          <a:solidFill>
            <a:srgbClr val="0070C0"/>
          </a:solidFill>
        </p:grpSpPr>
        <p:sp>
          <p:nvSpPr>
            <p:cNvPr id="7" name="Abgerundetes Rechteck 6"/>
            <p:cNvSpPr/>
            <p:nvPr/>
          </p:nvSpPr>
          <p:spPr>
            <a:xfrm>
              <a:off x="0" y="-861213"/>
              <a:ext cx="8352928" cy="1319492"/>
            </a:xfrm>
            <a:prstGeom prst="roundRect">
              <a:avLst/>
            </a:prstGeom>
            <a:grpFill/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9" name="Abgerundetes Rechteck 4"/>
            <p:cNvSpPr/>
            <p:nvPr/>
          </p:nvSpPr>
          <p:spPr>
            <a:xfrm>
              <a:off x="242123" y="-798379"/>
              <a:ext cx="7920408" cy="1249386"/>
            </a:xfrm>
            <a:prstGeom prst="rect">
              <a:avLst/>
            </a:prstGeom>
            <a:grpFill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lIns="118110" tIns="118110" rIns="118110" bIns="118110" spcCol="1270" anchor="ctr"/>
            <a:lstStyle/>
            <a:p>
              <a:pPr algn="ctr" defTabSz="1377950" eaLnBrk="1" hangingPunct="1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de-AT" sz="4000" b="1" dirty="0" smtClean="0"/>
                <a:t>AST Arbeitsmarkterfolg </a:t>
              </a:r>
              <a:r>
                <a:rPr lang="de-AT" sz="4000" b="1" dirty="0"/>
                <a:t>und </a:t>
              </a:r>
              <a:br>
                <a:rPr lang="de-AT" sz="4000" b="1" dirty="0"/>
              </a:br>
              <a:r>
                <a:rPr lang="de-AT" sz="4000" b="1" dirty="0" smtClean="0"/>
                <a:t>Abbruchquote in OÖ</a:t>
              </a:r>
              <a:endParaRPr lang="de-AT" sz="4000" dirty="0"/>
            </a:p>
          </p:txBody>
        </p:sp>
      </p:grpSp>
      <p:graphicFrame>
        <p:nvGraphicFramePr>
          <p:cNvPr id="11" name="Inhaltsplatzhalter 10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730818390"/>
              </p:ext>
            </p:extLst>
          </p:nvPr>
        </p:nvGraphicFramePr>
        <p:xfrm>
          <a:off x="2195736" y="1734654"/>
          <a:ext cx="3672409" cy="2754312"/>
        </p:xfrm>
        <a:graphic>
          <a:graphicData uri="http://schemas.openxmlformats.org/drawingml/2006/table">
            <a:tbl>
              <a:tblPr/>
              <a:tblGrid>
                <a:gridCol w="1628101">
                  <a:extLst>
                    <a:ext uri="{9D8B030D-6E8A-4147-A177-3AD203B41FA5}">
                      <a16:colId xmlns:a16="http://schemas.microsoft.com/office/drawing/2014/main" val="4024431596"/>
                    </a:ext>
                  </a:extLst>
                </a:gridCol>
                <a:gridCol w="979309">
                  <a:extLst>
                    <a:ext uri="{9D8B030D-6E8A-4147-A177-3AD203B41FA5}">
                      <a16:colId xmlns:a16="http://schemas.microsoft.com/office/drawing/2014/main" val="827278139"/>
                    </a:ext>
                  </a:extLst>
                </a:gridCol>
                <a:gridCol w="1064999">
                  <a:extLst>
                    <a:ext uri="{9D8B030D-6E8A-4147-A177-3AD203B41FA5}">
                      <a16:colId xmlns:a16="http://schemas.microsoft.com/office/drawing/2014/main" val="3623237293"/>
                    </a:ext>
                  </a:extLst>
                </a:gridCol>
              </a:tblGrid>
              <a:tr h="473860">
                <a:tc>
                  <a:txBody>
                    <a:bodyPr/>
                    <a:lstStyle/>
                    <a:p>
                      <a:pPr algn="ctr" fontAlgn="ctr"/>
                      <a:r>
                        <a:rPr lang="de-DE" sz="1400" b="0" i="0" u="none" strike="noStrike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</a:rPr>
                        <a:t> 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022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6DCE4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023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2C8E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684412173"/>
                  </a:ext>
                </a:extLst>
              </a:tr>
              <a:tr h="399820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IMP Arbeitsmarkterfolg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87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82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420654151"/>
                  </a:ext>
                </a:extLst>
              </a:tr>
              <a:tr h="385011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OUT Arbeitsmarkterfolg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66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62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66558942"/>
                  </a:ext>
                </a:extLst>
              </a:tr>
              <a:tr h="340587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Gesamt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79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75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433356886"/>
                  </a:ext>
                </a:extLst>
              </a:tr>
              <a:tr h="370203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IMP Abbruchquote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33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30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4142664286"/>
                  </a:ext>
                </a:extLst>
              </a:tr>
              <a:tr h="377607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OUT Abbruchquote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0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0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396979265"/>
                  </a:ext>
                </a:extLst>
              </a:tr>
              <a:tr h="407224"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Gesamt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6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de-DE" sz="9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4%</a:t>
                      </a:r>
                    </a:p>
                  </a:txBody>
                  <a:tcPr marL="7404" marR="7404" marT="740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87286159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4422915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hteck 6"/>
          <p:cNvSpPr>
            <a:spLocks noChangeArrowheads="1"/>
          </p:cNvSpPr>
          <p:nvPr/>
        </p:nvSpPr>
        <p:spPr bwMode="auto">
          <a:xfrm>
            <a:off x="1683544" y="1113235"/>
            <a:ext cx="5210175" cy="7848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9pPr>
          </a:lstStyle>
          <a:p>
            <a:pPr marL="214313" indent="-214313" defTabSz="685800" eaLnBrk="1" hangingPunct="1">
              <a:buFont typeface="Arial" panose="020B0604020202020204" pitchFamily="34" charset="0"/>
              <a:buChar char="•"/>
              <a:defRPr/>
            </a:pPr>
            <a:endParaRPr lang="de-DE" altLang="de-DE" sz="1350" dirty="0">
              <a:solidFill>
                <a:prstClr val="black"/>
              </a:solidFill>
              <a:latin typeface="AMS" pitchFamily="34" charset="0"/>
            </a:endParaRPr>
          </a:p>
          <a:p>
            <a:pPr defTabSz="685800" eaLnBrk="1" hangingPunct="1">
              <a:defRPr/>
            </a:pPr>
            <a:endParaRPr lang="de-DE" altLang="de-DE" sz="1350" dirty="0">
              <a:solidFill>
                <a:prstClr val="black"/>
              </a:solidFill>
              <a:latin typeface="AMS" pitchFamily="34" charset="0"/>
            </a:endParaRPr>
          </a:p>
          <a:p>
            <a:pPr defTabSz="685800" eaLnBrk="1" hangingPunct="1">
              <a:defRPr/>
            </a:pPr>
            <a:endParaRPr lang="de-DE" altLang="de-DE" sz="1350" dirty="0">
              <a:solidFill>
                <a:prstClr val="black"/>
              </a:solidFill>
              <a:latin typeface="AMS" pitchFamily="34" charset="0"/>
            </a:endParaRPr>
          </a:p>
          <a:p>
            <a:pPr defTabSz="685800" eaLnBrk="1" hangingPunct="1">
              <a:defRPr/>
            </a:pPr>
            <a:endParaRPr lang="de-AT" altLang="de-DE" sz="1050" dirty="0">
              <a:solidFill>
                <a:prstClr val="black"/>
              </a:solidFill>
              <a:latin typeface="AMS" pitchFamily="34" charset="0"/>
            </a:endParaRPr>
          </a:p>
        </p:txBody>
      </p:sp>
      <p:sp>
        <p:nvSpPr>
          <p:cNvPr id="5163" name="Textfeld 4"/>
          <p:cNvSpPr txBox="1">
            <a:spLocks noChangeArrowheads="1"/>
          </p:cNvSpPr>
          <p:nvPr/>
        </p:nvSpPr>
        <p:spPr bwMode="auto">
          <a:xfrm>
            <a:off x="1978819" y="3718323"/>
            <a:ext cx="5241131" cy="34624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defTabSz="685800"/>
            <a:r>
              <a:rPr lang="de-DE" altLang="de-DE" sz="750" dirty="0">
                <a:solidFill>
                  <a:srgbClr val="000000"/>
                </a:solidFill>
              </a:rPr>
              <a:t>Abbruchquote ohne Austritte im ersten Monat. </a:t>
            </a:r>
          </a:p>
          <a:p>
            <a:pPr defTabSz="685800"/>
            <a:r>
              <a:rPr lang="de-DE" altLang="de-DE" sz="750" dirty="0">
                <a:solidFill>
                  <a:srgbClr val="000000"/>
                </a:solidFill>
              </a:rPr>
              <a:t>                                              </a:t>
            </a:r>
            <a:br>
              <a:rPr lang="de-DE" altLang="de-DE" sz="750" dirty="0">
                <a:solidFill>
                  <a:srgbClr val="000000"/>
                </a:solidFill>
              </a:rPr>
            </a:br>
            <a:r>
              <a:rPr lang="de-DE" altLang="de-DE" sz="750" dirty="0">
                <a:solidFill>
                  <a:srgbClr val="000000"/>
                </a:solidFill>
              </a:rPr>
              <a:t>Arbeitsmarkterfolg: DV zum Stichtag 92 Tage nach Austritt (absolvierte Personen)</a:t>
            </a:r>
          </a:p>
        </p:txBody>
      </p:sp>
      <p:grpSp>
        <p:nvGrpSpPr>
          <p:cNvPr id="18" name="Gruppieren 17"/>
          <p:cNvGrpSpPr>
            <a:grpSpLocks/>
          </p:cNvGrpSpPr>
          <p:nvPr/>
        </p:nvGrpSpPr>
        <p:grpSpPr bwMode="auto">
          <a:xfrm>
            <a:off x="422671" y="172761"/>
            <a:ext cx="8353425" cy="927553"/>
            <a:chOff x="0" y="-285256"/>
            <a:chExt cx="8352928" cy="743535"/>
          </a:xfrm>
          <a:solidFill>
            <a:srgbClr val="0070C0"/>
          </a:solidFill>
        </p:grpSpPr>
        <p:sp>
          <p:nvSpPr>
            <p:cNvPr id="19" name="Abgerundetes Rechteck 18"/>
            <p:cNvSpPr/>
            <p:nvPr/>
          </p:nvSpPr>
          <p:spPr>
            <a:xfrm>
              <a:off x="0" y="-285256"/>
              <a:ext cx="8352928" cy="743535"/>
            </a:xfrm>
            <a:prstGeom prst="roundRect">
              <a:avLst/>
            </a:prstGeom>
            <a:grpFill/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20" name="Abgerundetes Rechteck 4"/>
            <p:cNvSpPr/>
            <p:nvPr/>
          </p:nvSpPr>
          <p:spPr>
            <a:xfrm>
              <a:off x="242123" y="-168847"/>
              <a:ext cx="7920408" cy="619854"/>
            </a:xfrm>
            <a:prstGeom prst="rect">
              <a:avLst/>
            </a:prstGeom>
            <a:grpFill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lIns="118110" tIns="118110" rIns="118110" bIns="118110" spcCol="1270" anchor="ctr"/>
            <a:lstStyle/>
            <a:p>
              <a:pPr algn="ctr" defTabSz="1377950" eaLnBrk="1" hangingPunct="1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de-DE" sz="4400" b="1" dirty="0" smtClean="0"/>
                <a:t>AQUA in OÖ</a:t>
              </a:r>
              <a:endParaRPr lang="de-AT" sz="4400" dirty="0"/>
            </a:p>
          </p:txBody>
        </p:sp>
      </p:grpSp>
      <p:pic>
        <p:nvPicPr>
          <p:cNvPr id="3" name="Grafik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67824" y="1358850"/>
            <a:ext cx="4352925" cy="20764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6572956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755576" y="2211710"/>
            <a:ext cx="7737475" cy="1008112"/>
          </a:xfrm>
        </p:spPr>
        <p:txBody>
          <a:bodyPr/>
          <a:lstStyle/>
          <a:p>
            <a:pPr marL="0" indent="0">
              <a:buNone/>
            </a:pPr>
            <a:r>
              <a:rPr lang="de-AT" sz="2000" dirty="0" smtClean="0"/>
              <a:t>Informationen über mögliche Förderangebote des </a:t>
            </a:r>
            <a:r>
              <a:rPr lang="de-AT" sz="2000" dirty="0"/>
              <a:t>AMS OÖ Fördermanagement und </a:t>
            </a:r>
            <a:r>
              <a:rPr lang="de-AT" sz="2000" dirty="0" smtClean="0"/>
              <a:t>des </a:t>
            </a:r>
            <a:r>
              <a:rPr lang="de-AT" sz="2000" dirty="0"/>
              <a:t>Service für </a:t>
            </a:r>
            <a:r>
              <a:rPr lang="de-AT" sz="2000" dirty="0" smtClean="0"/>
              <a:t>Unternehmen.</a:t>
            </a:r>
            <a:endParaRPr lang="de-DE" dirty="0"/>
          </a:p>
        </p:txBody>
      </p:sp>
      <p:grpSp>
        <p:nvGrpSpPr>
          <p:cNvPr id="5" name="Gruppieren 4"/>
          <p:cNvGrpSpPr>
            <a:grpSpLocks/>
          </p:cNvGrpSpPr>
          <p:nvPr/>
        </p:nvGrpSpPr>
        <p:grpSpPr bwMode="auto">
          <a:xfrm>
            <a:off x="251520" y="120970"/>
            <a:ext cx="8642229" cy="1730700"/>
            <a:chOff x="33859" y="-1066409"/>
            <a:chExt cx="8448682" cy="1585688"/>
          </a:xfrm>
          <a:solidFill>
            <a:srgbClr val="0070C0"/>
          </a:solidFill>
        </p:grpSpPr>
        <p:sp>
          <p:nvSpPr>
            <p:cNvPr id="6" name="Abgerundetes Rechteck 5"/>
            <p:cNvSpPr/>
            <p:nvPr/>
          </p:nvSpPr>
          <p:spPr>
            <a:xfrm>
              <a:off x="33859" y="-1066409"/>
              <a:ext cx="8448682" cy="1585688"/>
            </a:xfrm>
            <a:prstGeom prst="roundRect">
              <a:avLst/>
            </a:prstGeom>
            <a:grpFill/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rgbClr r="0" g="0" b="0"/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7" name="Abgerundetes Rechteck 4"/>
            <p:cNvSpPr/>
            <p:nvPr/>
          </p:nvSpPr>
          <p:spPr>
            <a:xfrm>
              <a:off x="223335" y="-898258"/>
              <a:ext cx="7976384" cy="1249386"/>
            </a:xfrm>
            <a:prstGeom prst="rect">
              <a:avLst/>
            </a:prstGeom>
            <a:grpFill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lIns="118110" tIns="118110" rIns="118110" bIns="118110" spcCol="1270" anchor="ctr"/>
            <a:lstStyle/>
            <a:p>
              <a:pPr algn="ctr" defTabSz="1377950" eaLnBrk="1" hangingPunct="1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de-AT" sz="3200" b="1" dirty="0" smtClean="0"/>
                <a:t>Vertiefende interdisziplinäre Beratung VOR Einreichung eines neuen IMP-Konzepts</a:t>
              </a:r>
              <a:endParaRPr lang="de-AT" sz="3200" dirty="0"/>
            </a:p>
          </p:txBody>
        </p:sp>
      </p:grpSp>
    </p:spTree>
    <p:extLst>
      <p:ext uri="{BB962C8B-B14F-4D97-AF65-F5344CB8AC3E}">
        <p14:creationId xmlns:p14="http://schemas.microsoft.com/office/powerpoint/2010/main" val="1554506699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hteck 5">
            <a:extLst>
              <a:ext uri="{FF2B5EF4-FFF2-40B4-BE49-F238E27FC236}">
                <a16:creationId xmlns:a16="http://schemas.microsoft.com/office/drawing/2014/main" id="{B6C73122-64F0-CAAA-A336-899A56026334}"/>
              </a:ext>
            </a:extLst>
          </p:cNvPr>
          <p:cNvSpPr/>
          <p:nvPr/>
        </p:nvSpPr>
        <p:spPr bwMode="auto">
          <a:xfrm>
            <a:off x="1" y="0"/>
            <a:ext cx="9144000" cy="5143500"/>
          </a:xfrm>
          <a:prstGeom prst="rect">
            <a:avLst/>
          </a:prstGeom>
          <a:gradFill>
            <a:gsLst>
              <a:gs pos="21000">
                <a:srgbClr val="D2ECFF"/>
              </a:gs>
              <a:gs pos="83000">
                <a:srgbClr val="F4F9FD"/>
              </a:gs>
            </a:gsLst>
            <a:lin ang="5400000" scaled="0"/>
          </a:gradFill>
          <a:ln>
            <a:noFill/>
          </a:ln>
          <a:effectLst/>
        </p:spPr>
        <p:txBody>
          <a:bodyPr vert="horz" wrap="square" lIns="90488" tIns="44450" rIns="90488" bIns="44450" numCol="1" rtlCol="0" anchor="ctr" anchorCtr="0" compatLnSpc="1">
            <a:prstTxWarp prst="textNoShape">
              <a:avLst/>
            </a:prstTxWarp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itchFamily="34" charset="0"/>
              <a:ea typeface="+mn-ea"/>
              <a:cs typeface="Arial" panose="020B0604020202020204" pitchFamily="34" charset="0"/>
            </a:endParaRPr>
          </a:p>
        </p:txBody>
      </p:sp>
      <p:pic>
        <p:nvPicPr>
          <p:cNvPr id="5" name="Grafik 4">
            <a:extLst>
              <a:ext uri="{FF2B5EF4-FFF2-40B4-BE49-F238E27FC236}">
                <a16:creationId xmlns:a16="http://schemas.microsoft.com/office/drawing/2014/main" id="{62DB3B9F-BC5D-FA10-04B9-A385C1DA465D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673"/>
          <a:stretch/>
        </p:blipFill>
        <p:spPr>
          <a:xfrm>
            <a:off x="0" y="987574"/>
            <a:ext cx="5506201" cy="4155925"/>
          </a:xfrm>
          <a:prstGeom prst="rect">
            <a:avLst/>
          </a:prstGeom>
        </p:spPr>
      </p:pic>
      <p:sp>
        <p:nvSpPr>
          <p:cNvPr id="2" name="Titel 1"/>
          <p:cNvSpPr>
            <a:spLocks noGrp="1"/>
          </p:cNvSpPr>
          <p:nvPr>
            <p:ph type="title" idx="4294967295"/>
          </p:nvPr>
        </p:nvSpPr>
        <p:spPr>
          <a:xfrm>
            <a:off x="179512" y="267494"/>
            <a:ext cx="7715250" cy="1023764"/>
          </a:xfrm>
        </p:spPr>
        <p:txBody>
          <a:bodyPr/>
          <a:lstStyle/>
          <a:p>
            <a:r>
              <a:rPr lang="de-AT" sz="2800" dirty="0" smtClean="0"/>
              <a:t>Basiszahlen</a:t>
            </a:r>
            <a:r>
              <a:rPr lang="de-AT" sz="2800" dirty="0"/>
              <a:t/>
            </a:r>
            <a:br>
              <a:rPr lang="de-AT" sz="2800" dirty="0"/>
            </a:br>
            <a:r>
              <a:rPr lang="de-DE" sz="1800" b="0" dirty="0" smtClean="0"/>
              <a:t>April 2024</a:t>
            </a:r>
            <a:endParaRPr lang="de-AT" sz="1800" dirty="0"/>
          </a:p>
        </p:txBody>
      </p:sp>
      <p:pic>
        <p:nvPicPr>
          <p:cNvPr id="3" name="Grafik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347864" y="78614"/>
            <a:ext cx="5678452" cy="498627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397361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3" name="Text Box 6"/>
          <p:cNvSpPr txBox="1">
            <a:spLocks noChangeArrowheads="1"/>
          </p:cNvSpPr>
          <p:nvPr/>
        </p:nvSpPr>
        <p:spPr bwMode="auto">
          <a:xfrm>
            <a:off x="1818085" y="3584972"/>
            <a:ext cx="5507831" cy="43665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91240B29-F687-4F45-9708-019B960494DF}">
              <a14:hiddenLine xmlns:a14="http://schemas.microsoft.com/office/drawing/2010/main" w="12700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67866" tIns="33338" rIns="67866" bIns="33338">
            <a:spAutoFit/>
          </a:bodyPr>
          <a:lstStyle>
            <a:lvl1pPr defTabSz="685800">
              <a:spcBef>
                <a:spcPct val="20000"/>
              </a:spcBef>
              <a:buFont typeface="Arial" panose="020B0604020202020204" pitchFamily="34" charset="0"/>
              <a:buChar char="&gt;"/>
              <a:defRPr sz="2800">
                <a:solidFill>
                  <a:srgbClr val="004F9F"/>
                </a:solidFill>
                <a:latin typeface="AMS" panose="020B0604020202020204" pitchFamily="34" charset="0"/>
              </a:defRPr>
            </a:lvl1pPr>
            <a:lvl2pPr marL="742950" indent="-285750" defTabSz="685800">
              <a:spcBef>
                <a:spcPct val="20000"/>
              </a:spcBef>
              <a:buChar char="–"/>
              <a:defRPr sz="2000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marL="1143000" indent="-228600" defTabSz="685800">
              <a:spcBef>
                <a:spcPct val="20000"/>
              </a:spcBef>
              <a:buChar char="•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marL="1600200" indent="-228600" defTabSz="685800">
              <a:spcBef>
                <a:spcPct val="20000"/>
              </a:spcBef>
              <a:buChar char="–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marL="2057400" indent="-228600" defTabSz="685800">
              <a:spcBef>
                <a:spcPct val="20000"/>
              </a:spcBef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2514600" indent="-228600" defTabSz="6858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6pPr>
            <a:lvl7pPr marL="2971800" indent="-228600" defTabSz="6858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7pPr>
            <a:lvl8pPr marL="3429000" indent="-228600" defTabSz="6858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8pPr>
            <a:lvl9pPr marL="3886200" indent="-228600" defTabSz="6858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l" defTabSz="685800" rtl="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endParaRPr kumimoji="0" lang="de-DE" altLang="de-DE" sz="2400" b="0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5" name="Foliennummernplatzhalter 3">
            <a:extLst>
              <a:ext uri="{FF2B5EF4-FFF2-40B4-BE49-F238E27FC236}">
                <a16:creationId xmlns:a16="http://schemas.microsoft.com/office/drawing/2014/main" id="{D0523B28-6EBE-2415-2E1D-F3C15C3844CB}"/>
              </a:ext>
            </a:extLst>
          </p:cNvPr>
          <p:cNvSpPr txBox="1">
            <a:spLocks/>
          </p:cNvSpPr>
          <p:nvPr/>
        </p:nvSpPr>
        <p:spPr>
          <a:xfrm>
            <a:off x="720725" y="4746625"/>
            <a:ext cx="2133600" cy="273050"/>
          </a:xfrm>
        </p:spPr>
        <p:txBody>
          <a:bodyPr/>
          <a:lstStyle>
            <a:defPPr>
              <a:defRPr lang="de-DE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Arial" panose="020B0604020202020204" pitchFamily="34" charset="0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Arial" panose="020B0604020202020204" pitchFamily="34" charset="0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Arial" panose="020B0604020202020204" pitchFamily="34" charset="0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Arial" panose="020B0604020202020204" pitchFamily="34" charset="0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Arial" panose="020B0604020202020204" pitchFamily="34" charset="0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Arial" panose="020B0604020202020204" pitchFamily="34" charset="0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Arial" panose="020B0604020202020204" pitchFamily="34" charset="0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Arial" panose="020B0604020202020204" pitchFamily="34" charset="0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Arial" panose="020B0604020202020204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AT" altLang="de-DE" sz="1000" b="1" i="0" u="none" strike="noStrike" kern="1200" cap="none" spc="0" normalizeH="0" baseline="0" noProof="0" dirty="0">
              <a:ln>
                <a:noFill/>
              </a:ln>
              <a:solidFill>
                <a:srgbClr val="7F7F7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8" name="Rechteck 7"/>
          <p:cNvSpPr/>
          <p:nvPr/>
        </p:nvSpPr>
        <p:spPr bwMode="auto">
          <a:xfrm>
            <a:off x="7668344" y="4227934"/>
            <a:ext cx="1152128" cy="720304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txBody>
          <a:bodyPr vert="horz" wrap="square" lIns="90488" tIns="44450" rIns="90488" bIns="44450" numCol="1" rtlCol="0" anchor="ctr" anchorCtr="0" compatLnSpc="1">
            <a:prstTxWarp prst="textNoShape">
              <a:avLst/>
            </a:prstTxWarp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itchFamily="34" charset="0"/>
              <a:ea typeface="+mn-ea"/>
              <a:cs typeface="Arial" panose="020B0604020202020204" pitchFamily="34" charset="0"/>
            </a:endParaRPr>
          </a:p>
        </p:txBody>
      </p:sp>
      <p:graphicFrame>
        <p:nvGraphicFramePr>
          <p:cNvPr id="10" name="Diagramm 9"/>
          <p:cNvGraphicFramePr>
            <a:graphicFrameLocks noGrp="1"/>
          </p:cNvGraphicFramePr>
          <p:nvPr>
            <p:extLst/>
          </p:nvPr>
        </p:nvGraphicFramePr>
        <p:xfrm>
          <a:off x="238125" y="123477"/>
          <a:ext cx="8667750" cy="489619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3" name="Textfeld 7">
            <a:extLst>
              <a:ext uri="{FF2B5EF4-FFF2-40B4-BE49-F238E27FC236}">
                <a16:creationId xmlns:a16="http://schemas.microsoft.com/office/drawing/2014/main" id="{86250E98-9B15-8309-CF2E-91584BA90000}"/>
              </a:ext>
            </a:extLst>
          </p:cNvPr>
          <p:cNvSpPr txBox="1"/>
          <p:nvPr/>
        </p:nvSpPr>
        <p:spPr>
          <a:xfrm>
            <a:off x="713720" y="360000"/>
            <a:ext cx="5010408" cy="707886"/>
          </a:xfrm>
          <a:prstGeom prst="rect">
            <a:avLst/>
          </a:prstGeom>
          <a:noFill/>
          <a:ln>
            <a:noFill/>
          </a:ln>
        </p:spPr>
        <p:txBody>
          <a:bodyPr wrap="square" lIns="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800" b="1" i="0" u="none" strike="noStrike" kern="1200" cap="none" spc="0" normalizeH="0" baseline="0" noProof="0" dirty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Beschäftigungsentwicklung </a:t>
            </a:r>
            <a:r>
              <a:rPr kumimoji="0" lang="de-DE" sz="1800" b="0" i="0" u="none" strike="noStrike" kern="1200" cap="none" spc="0" normalizeH="0" baseline="0" noProof="0" dirty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Oberösterreich </a:t>
            </a:r>
            <a:r>
              <a:rPr kumimoji="0" lang="de-DE" sz="1800" b="0" i="0" u="none" strike="noStrike" kern="1200" cap="none" spc="0" normalizeH="0" baseline="0" noProof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– </a:t>
            </a:r>
            <a:r>
              <a:rPr kumimoji="0" lang="de-DE" sz="1800" b="0" i="0" u="none" strike="noStrike" kern="1200" cap="none" spc="0" normalizeH="0" baseline="0" noProof="0" smtClean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2008-2024</a:t>
            </a:r>
            <a:endParaRPr kumimoji="0" lang="de-DE" sz="1800" b="0" i="0" u="none" strike="noStrike" kern="1200" cap="none" spc="0" normalizeH="0" baseline="0" noProof="0" dirty="0">
              <a:ln>
                <a:noFill/>
              </a:ln>
              <a:solidFill>
                <a:srgbClr val="004F9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</a:endParaRPr>
          </a:p>
        </p:txBody>
      </p:sp>
      <p:cxnSp>
        <p:nvCxnSpPr>
          <p:cNvPr id="6" name="Gerade Verbindung mit Pfeil 5"/>
          <p:cNvCxnSpPr>
            <a:cxnSpLocks/>
          </p:cNvCxnSpPr>
          <p:nvPr/>
        </p:nvCxnSpPr>
        <p:spPr>
          <a:xfrm flipV="1">
            <a:off x="739642" y="555526"/>
            <a:ext cx="7504766" cy="2000036"/>
          </a:xfrm>
          <a:prstGeom prst="straightConnector1">
            <a:avLst/>
          </a:prstGeom>
          <a:ln w="25400">
            <a:solidFill>
              <a:schemeClr val="bg1">
                <a:lumMod val="50000"/>
                <a:alpha val="79000"/>
              </a:schemeClr>
            </a:solidFill>
            <a:tailEnd type="triangle" w="lg" len="med"/>
          </a:ln>
          <a:effectLst/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405167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Grafik 2">
            <a:extLst>
              <a:ext uri="{FF2B5EF4-FFF2-40B4-BE49-F238E27FC236}">
                <a16:creationId xmlns:a16="http://schemas.microsoft.com/office/drawing/2014/main" id="{C0C6B8CD-BF81-F8CC-DBCE-838C2736AF19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0" y="0"/>
            <a:ext cx="9144000" cy="5143500"/>
          </a:xfrm>
          <a:prstGeom prst="rect">
            <a:avLst/>
          </a:prstGeom>
        </p:spPr>
      </p:pic>
      <p:sp>
        <p:nvSpPr>
          <p:cNvPr id="18435" name="Rechteck 1"/>
          <p:cNvSpPr>
            <a:spLocks noChangeArrowheads="1"/>
          </p:cNvSpPr>
          <p:nvPr/>
        </p:nvSpPr>
        <p:spPr bwMode="auto">
          <a:xfrm>
            <a:off x="611188" y="4746625"/>
            <a:ext cx="215900" cy="201613"/>
          </a:xfrm>
          <a:prstGeom prst="rect">
            <a:avLst/>
          </a:prstGeom>
          <a:noFill/>
          <a:ln>
            <a:noFill/>
          </a:ln>
        </p:spPr>
        <p:txBody>
          <a:bodyPr lIns="90488" tIns="44450" rIns="90488" bIns="44450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&gt;"/>
              <a:defRPr sz="2800">
                <a:solidFill>
                  <a:srgbClr val="004F9F"/>
                </a:solidFill>
                <a:latin typeface="AMS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000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1600">
                <a:solidFill>
                  <a:srgbClr val="004F9F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altLang="de-DE" sz="3200" b="1" i="0" u="none" strike="noStrike" kern="1200" cap="none" spc="0" normalizeH="0" baseline="0" noProof="0" dirty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graphicFrame>
        <p:nvGraphicFramePr>
          <p:cNvPr id="8" name="Diagramm 7"/>
          <p:cNvGraphicFramePr>
            <a:graphicFrameLocks noGrp="1"/>
          </p:cNvGraphicFramePr>
          <p:nvPr>
            <p:extLst/>
          </p:nvPr>
        </p:nvGraphicFramePr>
        <p:xfrm>
          <a:off x="719138" y="970418"/>
          <a:ext cx="7921253" cy="377620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5122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647700" y="360363"/>
            <a:ext cx="8028756" cy="771227"/>
          </a:xfrm>
        </p:spPr>
        <p:txBody>
          <a:bodyPr/>
          <a:lstStyle/>
          <a:p>
            <a:pPr eaLnBrk="1" hangingPunct="1">
              <a:defRPr/>
            </a:pPr>
            <a:r>
              <a:rPr lang="de-AT" sz="2800" dirty="0">
                <a:latin typeface="+mn-lt"/>
              </a:rPr>
              <a:t>Arbeitslosenquoten</a:t>
            </a:r>
            <a:r>
              <a:rPr lang="de-AT" dirty="0">
                <a:latin typeface="+mn-lt"/>
              </a:rPr>
              <a:t> </a:t>
            </a:r>
            <a:br>
              <a:rPr lang="de-AT" dirty="0">
                <a:latin typeface="+mn-lt"/>
              </a:rPr>
            </a:br>
            <a:r>
              <a:rPr lang="de-AT" sz="1800" b="0" dirty="0">
                <a:latin typeface="+mn-lt"/>
              </a:rPr>
              <a:t>Österreich – </a:t>
            </a:r>
            <a:r>
              <a:rPr lang="de-AT" sz="1800" b="0" dirty="0" smtClean="0">
                <a:latin typeface="+mn-lt"/>
              </a:rPr>
              <a:t>April 2024</a:t>
            </a:r>
            <a:endParaRPr lang="de-DE" altLang="de-DE" sz="1800" b="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6850822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7388" name="Grafik 27386">
            <a:extLst>
              <a:ext uri="{FF2B5EF4-FFF2-40B4-BE49-F238E27FC236}">
                <a16:creationId xmlns:a16="http://schemas.microsoft.com/office/drawing/2014/main" id="{39A3CE9D-717A-5D6B-AD8F-5CA7B85A1A7B}"/>
              </a:ext>
            </a:extLst>
          </p:cNvPr>
          <p:cNvGrpSpPr/>
          <p:nvPr/>
        </p:nvGrpSpPr>
        <p:grpSpPr>
          <a:xfrm>
            <a:off x="1791423" y="146660"/>
            <a:ext cx="5557441" cy="4850561"/>
            <a:chOff x="1791422" y="146659"/>
            <a:chExt cx="5557441" cy="4850561"/>
          </a:xfrm>
          <a:solidFill>
            <a:srgbClr val="DDE0E6"/>
          </a:solidFill>
        </p:grpSpPr>
        <p:sp>
          <p:nvSpPr>
            <p:cNvPr id="27389" name="Freihandform 27388">
              <a:extLst>
                <a:ext uri="{FF2B5EF4-FFF2-40B4-BE49-F238E27FC236}">
                  <a16:creationId xmlns:a16="http://schemas.microsoft.com/office/drawing/2014/main" id="{2719E862-9B70-912A-9C91-B20AE2305977}"/>
                </a:ext>
              </a:extLst>
            </p:cNvPr>
            <p:cNvSpPr/>
            <p:nvPr/>
          </p:nvSpPr>
          <p:spPr>
            <a:xfrm>
              <a:off x="5503206" y="1594868"/>
              <a:ext cx="403535" cy="616872"/>
            </a:xfrm>
            <a:custGeom>
              <a:avLst/>
              <a:gdLst>
                <a:gd name="connsiteX0" fmla="*/ 403218 w 403535"/>
                <a:gd name="connsiteY0" fmla="*/ 473950 h 616872"/>
                <a:gd name="connsiteX1" fmla="*/ 344672 w 403535"/>
                <a:gd name="connsiteY1" fmla="*/ 538879 h 616872"/>
                <a:gd name="connsiteX2" fmla="*/ 312210 w 403535"/>
                <a:gd name="connsiteY2" fmla="*/ 519390 h 616872"/>
                <a:gd name="connsiteX3" fmla="*/ 240719 w 403535"/>
                <a:gd name="connsiteY3" fmla="*/ 551902 h 616872"/>
                <a:gd name="connsiteX4" fmla="*/ 195215 w 403535"/>
                <a:gd name="connsiteY4" fmla="*/ 616831 h 616872"/>
                <a:gd name="connsiteX5" fmla="*/ 149711 w 403535"/>
                <a:gd name="connsiteY5" fmla="*/ 545343 h 616872"/>
                <a:gd name="connsiteX6" fmla="*/ 91166 w 403535"/>
                <a:gd name="connsiteY6" fmla="*/ 532414 h 616872"/>
                <a:gd name="connsiteX7" fmla="*/ 38808 w 403535"/>
                <a:gd name="connsiteY7" fmla="*/ 486974 h 616872"/>
                <a:gd name="connsiteX8" fmla="*/ 77838 w 403535"/>
                <a:gd name="connsiteY8" fmla="*/ 467961 h 616872"/>
                <a:gd name="connsiteX9" fmla="*/ 84406 w 403535"/>
                <a:gd name="connsiteY9" fmla="*/ 357496 h 616872"/>
                <a:gd name="connsiteX10" fmla="*/ 38808 w 403535"/>
                <a:gd name="connsiteY10" fmla="*/ 331068 h 616872"/>
                <a:gd name="connsiteX11" fmla="*/ 25861 w 403535"/>
                <a:gd name="connsiteY11" fmla="*/ 272698 h 616872"/>
                <a:gd name="connsiteX12" fmla="*/ -128 w 403535"/>
                <a:gd name="connsiteY12" fmla="*/ 253210 h 616872"/>
                <a:gd name="connsiteX13" fmla="*/ 32335 w 403535"/>
                <a:gd name="connsiteY13" fmla="*/ 246651 h 616872"/>
                <a:gd name="connsiteX14" fmla="*/ 25861 w 403535"/>
                <a:gd name="connsiteY14" fmla="*/ 194746 h 616872"/>
                <a:gd name="connsiteX15" fmla="*/ 19388 w 403535"/>
                <a:gd name="connsiteY15" fmla="*/ 136281 h 616872"/>
                <a:gd name="connsiteX16" fmla="*/ 77838 w 403535"/>
                <a:gd name="connsiteY16" fmla="*/ 97305 h 616872"/>
                <a:gd name="connsiteX17" fmla="*/ 103922 w 403535"/>
                <a:gd name="connsiteY17" fmla="*/ -41 h 616872"/>
                <a:gd name="connsiteX18" fmla="*/ 110395 w 403535"/>
                <a:gd name="connsiteY18" fmla="*/ -41 h 616872"/>
                <a:gd name="connsiteX19" fmla="*/ 116869 w 403535"/>
                <a:gd name="connsiteY19" fmla="*/ 84376 h 616872"/>
                <a:gd name="connsiteX20" fmla="*/ 201403 w 403535"/>
                <a:gd name="connsiteY20" fmla="*/ 90840 h 616872"/>
                <a:gd name="connsiteX21" fmla="*/ 246906 w 403535"/>
                <a:gd name="connsiteY21" fmla="*/ 129817 h 616872"/>
                <a:gd name="connsiteX22" fmla="*/ 227867 w 403535"/>
                <a:gd name="connsiteY22" fmla="*/ 168793 h 616872"/>
                <a:gd name="connsiteX23" fmla="*/ 279939 w 403535"/>
                <a:gd name="connsiteY23" fmla="*/ 194746 h 616872"/>
                <a:gd name="connsiteX24" fmla="*/ 175890 w 403535"/>
                <a:gd name="connsiteY24" fmla="*/ 213759 h 616872"/>
                <a:gd name="connsiteX25" fmla="*/ 253856 w 403535"/>
                <a:gd name="connsiteY25" fmla="*/ 363200 h 616872"/>
                <a:gd name="connsiteX26" fmla="*/ 390366 w 403535"/>
                <a:gd name="connsiteY26" fmla="*/ 441152 h 616872"/>
                <a:gd name="connsiteX27" fmla="*/ 377324 w 403535"/>
                <a:gd name="connsiteY27" fmla="*/ 460165 h 616872"/>
                <a:gd name="connsiteX28" fmla="*/ 403408 w 403535"/>
                <a:gd name="connsiteY28" fmla="*/ 473189 h 61687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</a:cxnLst>
              <a:rect l="l" t="t" r="r" b="b"/>
              <a:pathLst>
                <a:path w="403535" h="616872">
                  <a:moveTo>
                    <a:pt x="403218" y="473950"/>
                  </a:moveTo>
                  <a:lnTo>
                    <a:pt x="344672" y="538879"/>
                  </a:lnTo>
                  <a:lnTo>
                    <a:pt x="312210" y="519390"/>
                  </a:lnTo>
                  <a:lnTo>
                    <a:pt x="240719" y="551902"/>
                  </a:lnTo>
                  <a:lnTo>
                    <a:pt x="195215" y="616831"/>
                  </a:lnTo>
                  <a:lnTo>
                    <a:pt x="149711" y="545343"/>
                  </a:lnTo>
                  <a:lnTo>
                    <a:pt x="91166" y="532414"/>
                  </a:lnTo>
                  <a:lnTo>
                    <a:pt x="38808" y="486974"/>
                  </a:lnTo>
                  <a:lnTo>
                    <a:pt x="77838" y="467961"/>
                  </a:lnTo>
                  <a:lnTo>
                    <a:pt x="84406" y="357496"/>
                  </a:lnTo>
                  <a:lnTo>
                    <a:pt x="38808" y="331068"/>
                  </a:lnTo>
                  <a:lnTo>
                    <a:pt x="25861" y="272698"/>
                  </a:lnTo>
                  <a:lnTo>
                    <a:pt x="-128" y="253210"/>
                  </a:lnTo>
                  <a:lnTo>
                    <a:pt x="32335" y="246651"/>
                  </a:lnTo>
                  <a:lnTo>
                    <a:pt x="25861" y="194746"/>
                  </a:lnTo>
                  <a:lnTo>
                    <a:pt x="19388" y="136281"/>
                  </a:lnTo>
                  <a:lnTo>
                    <a:pt x="77838" y="97305"/>
                  </a:lnTo>
                  <a:lnTo>
                    <a:pt x="103922" y="-41"/>
                  </a:lnTo>
                  <a:lnTo>
                    <a:pt x="110395" y="-41"/>
                  </a:lnTo>
                  <a:lnTo>
                    <a:pt x="116869" y="84376"/>
                  </a:lnTo>
                  <a:lnTo>
                    <a:pt x="201403" y="90840"/>
                  </a:lnTo>
                  <a:lnTo>
                    <a:pt x="246906" y="129817"/>
                  </a:lnTo>
                  <a:lnTo>
                    <a:pt x="227867" y="168793"/>
                  </a:lnTo>
                  <a:lnTo>
                    <a:pt x="279939" y="194746"/>
                  </a:lnTo>
                  <a:lnTo>
                    <a:pt x="175890" y="213759"/>
                  </a:lnTo>
                  <a:lnTo>
                    <a:pt x="253856" y="363200"/>
                  </a:lnTo>
                  <a:lnTo>
                    <a:pt x="390366" y="441152"/>
                  </a:lnTo>
                  <a:lnTo>
                    <a:pt x="377324" y="460165"/>
                  </a:lnTo>
                  <a:lnTo>
                    <a:pt x="403408" y="473189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7390" name="Freihandform 27389">
              <a:extLst>
                <a:ext uri="{FF2B5EF4-FFF2-40B4-BE49-F238E27FC236}">
                  <a16:creationId xmlns:a16="http://schemas.microsoft.com/office/drawing/2014/main" id="{6F3024EC-8233-C5AD-0F88-E7E1CD14A375}"/>
                </a:ext>
              </a:extLst>
            </p:cNvPr>
            <p:cNvSpPr/>
            <p:nvPr/>
          </p:nvSpPr>
          <p:spPr>
            <a:xfrm>
              <a:off x="5835059" y="2659399"/>
              <a:ext cx="233991" cy="240607"/>
            </a:xfrm>
            <a:custGeom>
              <a:avLst/>
              <a:gdLst>
                <a:gd name="connsiteX0" fmla="*/ 201402 w 233991"/>
                <a:gd name="connsiteY0" fmla="*/ 169173 h 240607"/>
                <a:gd name="connsiteX1" fmla="*/ 103826 w 233991"/>
                <a:gd name="connsiteY1" fmla="*/ 240567 h 240607"/>
                <a:gd name="connsiteX2" fmla="*/ 12819 w 233991"/>
                <a:gd name="connsiteY2" fmla="*/ 201305 h 240607"/>
                <a:gd name="connsiteX3" fmla="*/ -128 w 233991"/>
                <a:gd name="connsiteY3" fmla="*/ 168793 h 240607"/>
                <a:gd name="connsiteX4" fmla="*/ 25861 w 233991"/>
                <a:gd name="connsiteY4" fmla="*/ 110328 h 240607"/>
                <a:gd name="connsiteX5" fmla="*/ 84311 w 233991"/>
                <a:gd name="connsiteY5" fmla="*/ 45400 h 240607"/>
                <a:gd name="connsiteX6" fmla="*/ 168845 w 233991"/>
                <a:gd name="connsiteY6" fmla="*/ 38935 h 240607"/>
                <a:gd name="connsiteX7" fmla="*/ 201402 w 233991"/>
                <a:gd name="connsiteY7" fmla="*/ -41 h 240607"/>
                <a:gd name="connsiteX8" fmla="*/ 233864 w 233991"/>
                <a:gd name="connsiteY8" fmla="*/ 6423 h 240607"/>
                <a:gd name="connsiteX9" fmla="*/ 194833 w 233991"/>
                <a:gd name="connsiteY9" fmla="*/ 32376 h 240607"/>
                <a:gd name="connsiteX10" fmla="*/ 207875 w 233991"/>
                <a:gd name="connsiteY10" fmla="*/ 58423 h 240607"/>
                <a:gd name="connsiteX11" fmla="*/ 201402 w 233991"/>
                <a:gd name="connsiteY11" fmla="*/ 168793 h 24060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</a:cxnLst>
              <a:rect l="l" t="t" r="r" b="b"/>
              <a:pathLst>
                <a:path w="233991" h="240607">
                  <a:moveTo>
                    <a:pt x="201402" y="169173"/>
                  </a:moveTo>
                  <a:lnTo>
                    <a:pt x="103826" y="240567"/>
                  </a:lnTo>
                  <a:lnTo>
                    <a:pt x="12819" y="201305"/>
                  </a:lnTo>
                  <a:lnTo>
                    <a:pt x="-128" y="168793"/>
                  </a:lnTo>
                  <a:lnTo>
                    <a:pt x="25861" y="110328"/>
                  </a:lnTo>
                  <a:lnTo>
                    <a:pt x="84311" y="45400"/>
                  </a:lnTo>
                  <a:lnTo>
                    <a:pt x="168845" y="38935"/>
                  </a:lnTo>
                  <a:lnTo>
                    <a:pt x="201402" y="-41"/>
                  </a:lnTo>
                  <a:lnTo>
                    <a:pt x="233864" y="6423"/>
                  </a:lnTo>
                  <a:lnTo>
                    <a:pt x="194833" y="32376"/>
                  </a:lnTo>
                  <a:lnTo>
                    <a:pt x="207875" y="58423"/>
                  </a:lnTo>
                  <a:lnTo>
                    <a:pt x="201402" y="168793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7391" name="Freihandform 27390">
              <a:extLst>
                <a:ext uri="{FF2B5EF4-FFF2-40B4-BE49-F238E27FC236}">
                  <a16:creationId xmlns:a16="http://schemas.microsoft.com/office/drawing/2014/main" id="{F80D0C8E-D38C-7DC5-A5E6-D26149E04244}"/>
                </a:ext>
              </a:extLst>
            </p:cNvPr>
            <p:cNvSpPr/>
            <p:nvPr/>
          </p:nvSpPr>
          <p:spPr>
            <a:xfrm>
              <a:off x="4801041" y="2217730"/>
              <a:ext cx="318525" cy="318180"/>
            </a:xfrm>
            <a:custGeom>
              <a:avLst/>
              <a:gdLst>
                <a:gd name="connsiteX0" fmla="*/ 207876 w 318525"/>
                <a:gd name="connsiteY0" fmla="*/ 13458 h 318180"/>
                <a:gd name="connsiteX1" fmla="*/ 220917 w 318525"/>
                <a:gd name="connsiteY1" fmla="*/ 58899 h 318180"/>
                <a:gd name="connsiteX2" fmla="*/ 272894 w 318525"/>
                <a:gd name="connsiteY2" fmla="*/ 52435 h 318180"/>
                <a:gd name="connsiteX3" fmla="*/ 318398 w 318525"/>
                <a:gd name="connsiteY3" fmla="*/ 143316 h 318180"/>
                <a:gd name="connsiteX4" fmla="*/ 227391 w 318525"/>
                <a:gd name="connsiteY4" fmla="*/ 201781 h 318180"/>
                <a:gd name="connsiteX5" fmla="*/ 90880 w 318525"/>
                <a:gd name="connsiteY5" fmla="*/ 260150 h 318180"/>
                <a:gd name="connsiteX6" fmla="*/ 38903 w 318525"/>
                <a:gd name="connsiteY6" fmla="*/ 279163 h 318180"/>
                <a:gd name="connsiteX7" fmla="*/ 25861 w 318525"/>
                <a:gd name="connsiteY7" fmla="*/ 318139 h 318180"/>
                <a:gd name="connsiteX8" fmla="*/ 6346 w 318525"/>
                <a:gd name="connsiteY8" fmla="*/ 259675 h 318180"/>
                <a:gd name="connsiteX9" fmla="*/ 38903 w 318525"/>
                <a:gd name="connsiteY9" fmla="*/ 181817 h 318180"/>
                <a:gd name="connsiteX10" fmla="*/ -128 w 318525"/>
                <a:gd name="connsiteY10" fmla="*/ 110424 h 318180"/>
                <a:gd name="connsiteX11" fmla="*/ 71365 w 318525"/>
                <a:gd name="connsiteY11" fmla="*/ 77912 h 318180"/>
                <a:gd name="connsiteX12" fmla="*/ 84311 w 318525"/>
                <a:gd name="connsiteY12" fmla="*/ 19447 h 318180"/>
                <a:gd name="connsiteX13" fmla="*/ 136383 w 318525"/>
                <a:gd name="connsiteY13" fmla="*/ 32471 h 318180"/>
                <a:gd name="connsiteX14" fmla="*/ 181887 w 318525"/>
                <a:gd name="connsiteY14" fmla="*/ -41 h 318180"/>
                <a:gd name="connsiteX15" fmla="*/ 207876 w 318525"/>
                <a:gd name="connsiteY15" fmla="*/ 12983 h 31818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</a:cxnLst>
              <a:rect l="l" t="t" r="r" b="b"/>
              <a:pathLst>
                <a:path w="318525" h="318180">
                  <a:moveTo>
                    <a:pt x="207876" y="13458"/>
                  </a:moveTo>
                  <a:lnTo>
                    <a:pt x="220917" y="58899"/>
                  </a:lnTo>
                  <a:lnTo>
                    <a:pt x="272894" y="52435"/>
                  </a:lnTo>
                  <a:lnTo>
                    <a:pt x="318398" y="143316"/>
                  </a:lnTo>
                  <a:lnTo>
                    <a:pt x="227391" y="201781"/>
                  </a:lnTo>
                  <a:lnTo>
                    <a:pt x="90880" y="260150"/>
                  </a:lnTo>
                  <a:lnTo>
                    <a:pt x="38903" y="279163"/>
                  </a:lnTo>
                  <a:lnTo>
                    <a:pt x="25861" y="318139"/>
                  </a:lnTo>
                  <a:lnTo>
                    <a:pt x="6346" y="259675"/>
                  </a:lnTo>
                  <a:lnTo>
                    <a:pt x="38903" y="181817"/>
                  </a:lnTo>
                  <a:lnTo>
                    <a:pt x="-128" y="110424"/>
                  </a:lnTo>
                  <a:lnTo>
                    <a:pt x="71365" y="77912"/>
                  </a:lnTo>
                  <a:lnTo>
                    <a:pt x="84311" y="19447"/>
                  </a:lnTo>
                  <a:lnTo>
                    <a:pt x="136383" y="32471"/>
                  </a:lnTo>
                  <a:lnTo>
                    <a:pt x="181887" y="-41"/>
                  </a:lnTo>
                  <a:lnTo>
                    <a:pt x="207876" y="12983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80" name="Freihandform 26879">
              <a:extLst>
                <a:ext uri="{FF2B5EF4-FFF2-40B4-BE49-F238E27FC236}">
                  <a16:creationId xmlns:a16="http://schemas.microsoft.com/office/drawing/2014/main" id="{D24570F5-694F-89B0-217F-DB3681622B7D}"/>
                </a:ext>
              </a:extLst>
            </p:cNvPr>
            <p:cNvSpPr/>
            <p:nvPr/>
          </p:nvSpPr>
          <p:spPr>
            <a:xfrm>
              <a:off x="1791422" y="1913049"/>
              <a:ext cx="1515042" cy="1194863"/>
            </a:xfrm>
            <a:custGeom>
              <a:avLst/>
              <a:gdLst>
                <a:gd name="connsiteX0" fmla="*/ 1124612 w 1515042"/>
                <a:gd name="connsiteY0" fmla="*/ 103864 h 1194863"/>
                <a:gd name="connsiteX1" fmla="*/ 1131086 w 1515042"/>
                <a:gd name="connsiteY1" fmla="*/ 116793 h 1194863"/>
                <a:gd name="connsiteX2" fmla="*/ 1261123 w 1515042"/>
                <a:gd name="connsiteY2" fmla="*/ 84376 h 1194863"/>
                <a:gd name="connsiteX3" fmla="*/ 1241608 w 1515042"/>
                <a:gd name="connsiteY3" fmla="*/ 136281 h 1194863"/>
                <a:gd name="connsiteX4" fmla="*/ 1254650 w 1515042"/>
                <a:gd name="connsiteY4" fmla="*/ 155294 h 1194863"/>
                <a:gd name="connsiteX5" fmla="*/ 1287112 w 1515042"/>
                <a:gd name="connsiteY5" fmla="*/ 136281 h 1194863"/>
                <a:gd name="connsiteX6" fmla="*/ 1300153 w 1515042"/>
                <a:gd name="connsiteY6" fmla="*/ 162234 h 1194863"/>
                <a:gd name="connsiteX7" fmla="*/ 1358604 w 1515042"/>
                <a:gd name="connsiteY7" fmla="*/ 188281 h 1194863"/>
                <a:gd name="connsiteX8" fmla="*/ 1384687 w 1515042"/>
                <a:gd name="connsiteY8" fmla="*/ 240187 h 1194863"/>
                <a:gd name="connsiteX9" fmla="*/ 1417149 w 1515042"/>
                <a:gd name="connsiteY9" fmla="*/ 207675 h 1194863"/>
                <a:gd name="connsiteX10" fmla="*/ 1482168 w 1515042"/>
                <a:gd name="connsiteY10" fmla="*/ 240187 h 1194863"/>
                <a:gd name="connsiteX11" fmla="*/ 1475409 w 1515042"/>
                <a:gd name="connsiteY11" fmla="*/ 272698 h 1194863"/>
                <a:gd name="connsiteX12" fmla="*/ 1456370 w 1515042"/>
                <a:gd name="connsiteY12" fmla="*/ 292187 h 1194863"/>
                <a:gd name="connsiteX13" fmla="*/ 1514915 w 1515042"/>
                <a:gd name="connsiteY13" fmla="*/ 337627 h 1194863"/>
                <a:gd name="connsiteX14" fmla="*/ 1501969 w 1515042"/>
                <a:gd name="connsiteY14" fmla="*/ 363580 h 1194863"/>
                <a:gd name="connsiteX15" fmla="*/ 1423908 w 1515042"/>
                <a:gd name="connsiteY15" fmla="*/ 415580 h 1194863"/>
                <a:gd name="connsiteX16" fmla="*/ 1456370 w 1515042"/>
                <a:gd name="connsiteY16" fmla="*/ 460926 h 1194863"/>
                <a:gd name="connsiteX17" fmla="*/ 1449897 w 1515042"/>
                <a:gd name="connsiteY17" fmla="*/ 603522 h 1194863"/>
                <a:gd name="connsiteX18" fmla="*/ 1430857 w 1515042"/>
                <a:gd name="connsiteY18" fmla="*/ 700963 h 1194863"/>
                <a:gd name="connsiteX19" fmla="*/ 1404774 w 1515042"/>
                <a:gd name="connsiteY19" fmla="*/ 746404 h 1194863"/>
                <a:gd name="connsiteX20" fmla="*/ 1450277 w 1515042"/>
                <a:gd name="connsiteY20" fmla="*/ 785380 h 1194863"/>
                <a:gd name="connsiteX21" fmla="*/ 1443804 w 1515042"/>
                <a:gd name="connsiteY21" fmla="*/ 837286 h 1194863"/>
                <a:gd name="connsiteX22" fmla="*/ 1359270 w 1515042"/>
                <a:gd name="connsiteY22" fmla="*/ 986632 h 1194863"/>
                <a:gd name="connsiteX23" fmla="*/ 1424289 w 1515042"/>
                <a:gd name="connsiteY23" fmla="*/ 999655 h 1194863"/>
                <a:gd name="connsiteX24" fmla="*/ 1372312 w 1515042"/>
                <a:gd name="connsiteY24" fmla="*/ 1064584 h 1194863"/>
                <a:gd name="connsiteX25" fmla="*/ 1339755 w 1515042"/>
                <a:gd name="connsiteY25" fmla="*/ 1058120 h 1194863"/>
                <a:gd name="connsiteX26" fmla="*/ 1320716 w 1515042"/>
                <a:gd name="connsiteY26" fmla="*/ 1103561 h 1194863"/>
                <a:gd name="connsiteX27" fmla="*/ 1151648 w 1515042"/>
                <a:gd name="connsiteY27" fmla="*/ 1161930 h 1194863"/>
                <a:gd name="connsiteX28" fmla="*/ 1145174 w 1515042"/>
                <a:gd name="connsiteY28" fmla="*/ 1174954 h 1194863"/>
                <a:gd name="connsiteX29" fmla="*/ 1111570 w 1515042"/>
                <a:gd name="connsiteY29" fmla="*/ 1194823 h 1194863"/>
                <a:gd name="connsiteX30" fmla="*/ 981628 w 1515042"/>
                <a:gd name="connsiteY30" fmla="*/ 1188358 h 1194863"/>
                <a:gd name="connsiteX31" fmla="*/ 968586 w 1515042"/>
                <a:gd name="connsiteY31" fmla="*/ 1149382 h 1194863"/>
                <a:gd name="connsiteX32" fmla="*/ 994575 w 1515042"/>
                <a:gd name="connsiteY32" fmla="*/ 1116965 h 1194863"/>
                <a:gd name="connsiteX33" fmla="*/ 942598 w 1515042"/>
                <a:gd name="connsiteY33" fmla="*/ 1135978 h 1194863"/>
                <a:gd name="connsiteX34" fmla="*/ 923273 w 1515042"/>
                <a:gd name="connsiteY34" fmla="*/ 1135978 h 1194863"/>
                <a:gd name="connsiteX35" fmla="*/ 929746 w 1515042"/>
                <a:gd name="connsiteY35" fmla="*/ 1110025 h 1194863"/>
                <a:gd name="connsiteX36" fmla="*/ 877769 w 1515042"/>
                <a:gd name="connsiteY36" fmla="*/ 1103561 h 1194863"/>
                <a:gd name="connsiteX37" fmla="*/ 812750 w 1515042"/>
                <a:gd name="connsiteY37" fmla="*/ 1077608 h 1194863"/>
                <a:gd name="connsiteX38" fmla="*/ 799518 w 1515042"/>
                <a:gd name="connsiteY38" fmla="*/ 1032358 h 1194863"/>
                <a:gd name="connsiteX39" fmla="*/ 767056 w 1515042"/>
                <a:gd name="connsiteY39" fmla="*/ 1045381 h 1194863"/>
                <a:gd name="connsiteX40" fmla="*/ 767056 w 1515042"/>
                <a:gd name="connsiteY40" fmla="*/ 980453 h 1194863"/>
                <a:gd name="connsiteX41" fmla="*/ 734594 w 1515042"/>
                <a:gd name="connsiteY41" fmla="*/ 993476 h 1194863"/>
                <a:gd name="connsiteX42" fmla="*/ 734594 w 1515042"/>
                <a:gd name="connsiteY42" fmla="*/ 954500 h 1194863"/>
                <a:gd name="connsiteX43" fmla="*/ 689091 w 1515042"/>
                <a:gd name="connsiteY43" fmla="*/ 973513 h 1194863"/>
                <a:gd name="connsiteX44" fmla="*/ 650061 w 1515042"/>
                <a:gd name="connsiteY44" fmla="*/ 960489 h 1194863"/>
                <a:gd name="connsiteX45" fmla="*/ 598084 w 1515042"/>
                <a:gd name="connsiteY45" fmla="*/ 986441 h 1194863"/>
                <a:gd name="connsiteX46" fmla="*/ 552580 w 1515042"/>
                <a:gd name="connsiteY46" fmla="*/ 1005930 h 1194863"/>
                <a:gd name="connsiteX47" fmla="*/ 468046 w 1515042"/>
                <a:gd name="connsiteY47" fmla="*/ 960489 h 1194863"/>
                <a:gd name="connsiteX48" fmla="*/ 455004 w 1515042"/>
                <a:gd name="connsiteY48" fmla="*/ 967048 h 1194863"/>
                <a:gd name="connsiteX49" fmla="*/ 396554 w 1515042"/>
                <a:gd name="connsiteY49" fmla="*/ 1012489 h 1194863"/>
                <a:gd name="connsiteX50" fmla="*/ 351050 w 1515042"/>
                <a:gd name="connsiteY50" fmla="*/ 1122859 h 1194863"/>
                <a:gd name="connsiteX51" fmla="*/ 272990 w 1515042"/>
                <a:gd name="connsiteY51" fmla="*/ 1103371 h 1194863"/>
                <a:gd name="connsiteX52" fmla="*/ 207971 w 1515042"/>
                <a:gd name="connsiteY52" fmla="*/ 986441 h 1194863"/>
                <a:gd name="connsiteX53" fmla="*/ 32525 w 1515042"/>
                <a:gd name="connsiteY53" fmla="*/ 824167 h 1194863"/>
                <a:gd name="connsiteX54" fmla="*/ -128 w 1515042"/>
                <a:gd name="connsiteY54" fmla="*/ 720737 h 1194863"/>
                <a:gd name="connsiteX55" fmla="*/ 25861 w 1515042"/>
                <a:gd name="connsiteY55" fmla="*/ 623296 h 1194863"/>
                <a:gd name="connsiteX56" fmla="*/ 90880 w 1515042"/>
                <a:gd name="connsiteY56" fmla="*/ 636320 h 1194863"/>
                <a:gd name="connsiteX57" fmla="*/ 103921 w 1515042"/>
                <a:gd name="connsiteY57" fmla="*/ 603807 h 1194863"/>
                <a:gd name="connsiteX58" fmla="*/ 123437 w 1515042"/>
                <a:gd name="connsiteY58" fmla="*/ 545343 h 1194863"/>
                <a:gd name="connsiteX59" fmla="*/ 194929 w 1515042"/>
                <a:gd name="connsiteY59" fmla="*/ 525855 h 1194863"/>
                <a:gd name="connsiteX60" fmla="*/ 240433 w 1515042"/>
                <a:gd name="connsiteY60" fmla="*/ 467485 h 1194863"/>
                <a:gd name="connsiteX61" fmla="*/ 305451 w 1515042"/>
                <a:gd name="connsiteY61" fmla="*/ 343902 h 1194863"/>
                <a:gd name="connsiteX62" fmla="*/ 513930 w 1515042"/>
                <a:gd name="connsiteY62" fmla="*/ 318139 h 1194863"/>
                <a:gd name="connsiteX63" fmla="*/ 669956 w 1515042"/>
                <a:gd name="connsiteY63" fmla="*/ 142746 h 1194863"/>
                <a:gd name="connsiteX64" fmla="*/ 786952 w 1515042"/>
                <a:gd name="connsiteY64" fmla="*/ 90840 h 1194863"/>
                <a:gd name="connsiteX65" fmla="*/ 975440 w 1515042"/>
                <a:gd name="connsiteY65" fmla="*/ 45400 h 1194863"/>
                <a:gd name="connsiteX66" fmla="*/ 1111951 w 1515042"/>
                <a:gd name="connsiteY66" fmla="*/ -41 h 1194863"/>
                <a:gd name="connsiteX67" fmla="*/ 1124993 w 1515042"/>
                <a:gd name="connsiteY67" fmla="*/ 103864 h 119486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</a:cxnLst>
              <a:rect l="l" t="t" r="r" b="b"/>
              <a:pathLst>
                <a:path w="1515042" h="1194863">
                  <a:moveTo>
                    <a:pt x="1124612" y="103864"/>
                  </a:moveTo>
                  <a:lnTo>
                    <a:pt x="1131086" y="116793"/>
                  </a:lnTo>
                  <a:lnTo>
                    <a:pt x="1261123" y="84376"/>
                  </a:lnTo>
                  <a:lnTo>
                    <a:pt x="1241608" y="136281"/>
                  </a:lnTo>
                  <a:lnTo>
                    <a:pt x="1254650" y="155294"/>
                  </a:lnTo>
                  <a:lnTo>
                    <a:pt x="1287112" y="136281"/>
                  </a:lnTo>
                  <a:lnTo>
                    <a:pt x="1300153" y="162234"/>
                  </a:lnTo>
                  <a:lnTo>
                    <a:pt x="1358604" y="188281"/>
                  </a:lnTo>
                  <a:lnTo>
                    <a:pt x="1384687" y="240187"/>
                  </a:lnTo>
                  <a:lnTo>
                    <a:pt x="1417149" y="207675"/>
                  </a:lnTo>
                  <a:lnTo>
                    <a:pt x="1482168" y="240187"/>
                  </a:lnTo>
                  <a:lnTo>
                    <a:pt x="1475409" y="272698"/>
                  </a:lnTo>
                  <a:lnTo>
                    <a:pt x="1456370" y="292187"/>
                  </a:lnTo>
                  <a:lnTo>
                    <a:pt x="1514915" y="337627"/>
                  </a:lnTo>
                  <a:lnTo>
                    <a:pt x="1501969" y="363580"/>
                  </a:lnTo>
                  <a:lnTo>
                    <a:pt x="1423908" y="415580"/>
                  </a:lnTo>
                  <a:lnTo>
                    <a:pt x="1456370" y="460926"/>
                  </a:lnTo>
                  <a:lnTo>
                    <a:pt x="1449897" y="603522"/>
                  </a:lnTo>
                  <a:lnTo>
                    <a:pt x="1430857" y="700963"/>
                  </a:lnTo>
                  <a:lnTo>
                    <a:pt x="1404774" y="746404"/>
                  </a:lnTo>
                  <a:lnTo>
                    <a:pt x="1450277" y="785380"/>
                  </a:lnTo>
                  <a:lnTo>
                    <a:pt x="1443804" y="837286"/>
                  </a:lnTo>
                  <a:lnTo>
                    <a:pt x="1359270" y="986632"/>
                  </a:lnTo>
                  <a:lnTo>
                    <a:pt x="1424289" y="999655"/>
                  </a:lnTo>
                  <a:lnTo>
                    <a:pt x="1372312" y="1064584"/>
                  </a:lnTo>
                  <a:lnTo>
                    <a:pt x="1339755" y="1058120"/>
                  </a:lnTo>
                  <a:lnTo>
                    <a:pt x="1320716" y="1103561"/>
                  </a:lnTo>
                  <a:lnTo>
                    <a:pt x="1151648" y="1161930"/>
                  </a:lnTo>
                  <a:lnTo>
                    <a:pt x="1145174" y="1174954"/>
                  </a:lnTo>
                  <a:lnTo>
                    <a:pt x="1111570" y="1194823"/>
                  </a:lnTo>
                  <a:lnTo>
                    <a:pt x="981628" y="1188358"/>
                  </a:lnTo>
                  <a:lnTo>
                    <a:pt x="968586" y="1149382"/>
                  </a:lnTo>
                  <a:lnTo>
                    <a:pt x="994575" y="1116965"/>
                  </a:lnTo>
                  <a:lnTo>
                    <a:pt x="942598" y="1135978"/>
                  </a:lnTo>
                  <a:lnTo>
                    <a:pt x="923273" y="1135978"/>
                  </a:lnTo>
                  <a:lnTo>
                    <a:pt x="929746" y="1110025"/>
                  </a:lnTo>
                  <a:lnTo>
                    <a:pt x="877769" y="1103561"/>
                  </a:lnTo>
                  <a:lnTo>
                    <a:pt x="812750" y="1077608"/>
                  </a:lnTo>
                  <a:lnTo>
                    <a:pt x="799518" y="1032358"/>
                  </a:lnTo>
                  <a:lnTo>
                    <a:pt x="767056" y="1045381"/>
                  </a:lnTo>
                  <a:lnTo>
                    <a:pt x="767056" y="980453"/>
                  </a:lnTo>
                  <a:lnTo>
                    <a:pt x="734594" y="993476"/>
                  </a:lnTo>
                  <a:lnTo>
                    <a:pt x="734594" y="954500"/>
                  </a:lnTo>
                  <a:lnTo>
                    <a:pt x="689091" y="973513"/>
                  </a:lnTo>
                  <a:lnTo>
                    <a:pt x="650061" y="960489"/>
                  </a:lnTo>
                  <a:lnTo>
                    <a:pt x="598084" y="986441"/>
                  </a:lnTo>
                  <a:lnTo>
                    <a:pt x="552580" y="1005930"/>
                  </a:lnTo>
                  <a:lnTo>
                    <a:pt x="468046" y="960489"/>
                  </a:lnTo>
                  <a:lnTo>
                    <a:pt x="455004" y="967048"/>
                  </a:lnTo>
                  <a:lnTo>
                    <a:pt x="396554" y="1012489"/>
                  </a:lnTo>
                  <a:lnTo>
                    <a:pt x="351050" y="1122859"/>
                  </a:lnTo>
                  <a:lnTo>
                    <a:pt x="272990" y="1103371"/>
                  </a:lnTo>
                  <a:lnTo>
                    <a:pt x="207971" y="986441"/>
                  </a:lnTo>
                  <a:lnTo>
                    <a:pt x="32525" y="824167"/>
                  </a:lnTo>
                  <a:lnTo>
                    <a:pt x="-128" y="720737"/>
                  </a:lnTo>
                  <a:lnTo>
                    <a:pt x="25861" y="623296"/>
                  </a:lnTo>
                  <a:lnTo>
                    <a:pt x="90880" y="636320"/>
                  </a:lnTo>
                  <a:lnTo>
                    <a:pt x="103921" y="603807"/>
                  </a:lnTo>
                  <a:lnTo>
                    <a:pt x="123437" y="545343"/>
                  </a:lnTo>
                  <a:lnTo>
                    <a:pt x="194929" y="525855"/>
                  </a:lnTo>
                  <a:lnTo>
                    <a:pt x="240433" y="467485"/>
                  </a:lnTo>
                  <a:lnTo>
                    <a:pt x="305451" y="343902"/>
                  </a:lnTo>
                  <a:lnTo>
                    <a:pt x="513930" y="318139"/>
                  </a:lnTo>
                  <a:lnTo>
                    <a:pt x="669956" y="142746"/>
                  </a:lnTo>
                  <a:lnTo>
                    <a:pt x="786952" y="90840"/>
                  </a:lnTo>
                  <a:lnTo>
                    <a:pt x="975440" y="45400"/>
                  </a:lnTo>
                  <a:lnTo>
                    <a:pt x="1111951" y="-41"/>
                  </a:lnTo>
                  <a:lnTo>
                    <a:pt x="1124993" y="103864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82" name="Freihandform 26881">
              <a:extLst>
                <a:ext uri="{FF2B5EF4-FFF2-40B4-BE49-F238E27FC236}">
                  <a16:creationId xmlns:a16="http://schemas.microsoft.com/office/drawing/2014/main" id="{8E5A81A7-6126-6B51-6E40-1702D4EAE139}"/>
                </a:ext>
              </a:extLst>
            </p:cNvPr>
            <p:cNvSpPr/>
            <p:nvPr/>
          </p:nvSpPr>
          <p:spPr>
            <a:xfrm>
              <a:off x="4527733" y="1322129"/>
              <a:ext cx="767754" cy="798635"/>
            </a:xfrm>
            <a:custGeom>
              <a:avLst/>
              <a:gdLst>
                <a:gd name="connsiteX0" fmla="*/ 156470 w 767754"/>
                <a:gd name="connsiteY0" fmla="*/ 19447 h 798635"/>
                <a:gd name="connsiteX1" fmla="*/ 175985 w 767754"/>
                <a:gd name="connsiteY1" fmla="*/ 123353 h 798635"/>
                <a:gd name="connsiteX2" fmla="*/ 221584 w 767754"/>
                <a:gd name="connsiteY2" fmla="*/ 188281 h 798635"/>
                <a:gd name="connsiteX3" fmla="*/ 247572 w 767754"/>
                <a:gd name="connsiteY3" fmla="*/ 129817 h 798635"/>
                <a:gd name="connsiteX4" fmla="*/ 299549 w 767754"/>
                <a:gd name="connsiteY4" fmla="*/ 129817 h 798635"/>
                <a:gd name="connsiteX5" fmla="*/ 306023 w 767754"/>
                <a:gd name="connsiteY5" fmla="*/ 123353 h 798635"/>
                <a:gd name="connsiteX6" fmla="*/ 357999 w 767754"/>
                <a:gd name="connsiteY6" fmla="*/ 142841 h 798635"/>
                <a:gd name="connsiteX7" fmla="*/ 436060 w 767754"/>
                <a:gd name="connsiteY7" fmla="*/ 298651 h 798635"/>
                <a:gd name="connsiteX8" fmla="*/ 416545 w 767754"/>
                <a:gd name="connsiteY8" fmla="*/ 370044 h 798635"/>
                <a:gd name="connsiteX9" fmla="*/ 429587 w 767754"/>
                <a:gd name="connsiteY9" fmla="*/ 428509 h 798635"/>
                <a:gd name="connsiteX10" fmla="*/ 527067 w 767754"/>
                <a:gd name="connsiteY10" fmla="*/ 493438 h 798635"/>
                <a:gd name="connsiteX11" fmla="*/ 540109 w 767754"/>
                <a:gd name="connsiteY11" fmla="*/ 499997 h 798635"/>
                <a:gd name="connsiteX12" fmla="*/ 657105 w 767754"/>
                <a:gd name="connsiteY12" fmla="*/ 532414 h 798635"/>
                <a:gd name="connsiteX13" fmla="*/ 722124 w 767754"/>
                <a:gd name="connsiteY13" fmla="*/ 486878 h 798635"/>
                <a:gd name="connsiteX14" fmla="*/ 722124 w 767754"/>
                <a:gd name="connsiteY14" fmla="*/ 506462 h 798635"/>
                <a:gd name="connsiteX15" fmla="*/ 709082 w 767754"/>
                <a:gd name="connsiteY15" fmla="*/ 590879 h 798635"/>
                <a:gd name="connsiteX16" fmla="*/ 741544 w 767754"/>
                <a:gd name="connsiteY16" fmla="*/ 584319 h 798635"/>
                <a:gd name="connsiteX17" fmla="*/ 767627 w 767754"/>
                <a:gd name="connsiteY17" fmla="*/ 649248 h 798635"/>
                <a:gd name="connsiteX18" fmla="*/ 598559 w 767754"/>
                <a:gd name="connsiteY18" fmla="*/ 733665 h 798635"/>
                <a:gd name="connsiteX19" fmla="*/ 559529 w 767754"/>
                <a:gd name="connsiteY19" fmla="*/ 759713 h 798635"/>
                <a:gd name="connsiteX20" fmla="*/ 514121 w 767754"/>
                <a:gd name="connsiteY20" fmla="*/ 746689 h 798635"/>
                <a:gd name="connsiteX21" fmla="*/ 495081 w 767754"/>
                <a:gd name="connsiteY21" fmla="*/ 772642 h 798635"/>
                <a:gd name="connsiteX22" fmla="*/ 423494 w 767754"/>
                <a:gd name="connsiteY22" fmla="*/ 759713 h 798635"/>
                <a:gd name="connsiteX23" fmla="*/ 410547 w 767754"/>
                <a:gd name="connsiteY23" fmla="*/ 785666 h 798635"/>
                <a:gd name="connsiteX24" fmla="*/ 345529 w 767754"/>
                <a:gd name="connsiteY24" fmla="*/ 798594 h 798635"/>
                <a:gd name="connsiteX25" fmla="*/ 286983 w 767754"/>
                <a:gd name="connsiteY25" fmla="*/ 798594 h 798635"/>
                <a:gd name="connsiteX26" fmla="*/ 286983 w 767754"/>
                <a:gd name="connsiteY26" fmla="*/ 766177 h 798635"/>
                <a:gd name="connsiteX27" fmla="*/ 195595 w 767754"/>
                <a:gd name="connsiteY27" fmla="*/ 766177 h 798635"/>
                <a:gd name="connsiteX28" fmla="*/ 104588 w 767754"/>
                <a:gd name="connsiteY28" fmla="*/ 746689 h 798635"/>
                <a:gd name="connsiteX29" fmla="*/ 71840 w 767754"/>
                <a:gd name="connsiteY29" fmla="*/ 649248 h 798635"/>
                <a:gd name="connsiteX30" fmla="*/ 136859 w 767754"/>
                <a:gd name="connsiteY30" fmla="*/ 630235 h 798635"/>
                <a:gd name="connsiteX31" fmla="*/ 143333 w 767754"/>
                <a:gd name="connsiteY31" fmla="*/ 591354 h 798635"/>
                <a:gd name="connsiteX32" fmla="*/ 110871 w 767754"/>
                <a:gd name="connsiteY32" fmla="*/ 584795 h 798635"/>
                <a:gd name="connsiteX33" fmla="*/ 6822 w 767754"/>
                <a:gd name="connsiteY33" fmla="*/ 603808 h 798635"/>
                <a:gd name="connsiteX34" fmla="*/ 348 w 767754"/>
                <a:gd name="connsiteY34" fmla="*/ 590879 h 798635"/>
                <a:gd name="connsiteX35" fmla="*/ 39283 w 767754"/>
                <a:gd name="connsiteY35" fmla="*/ 512926 h 798635"/>
                <a:gd name="connsiteX36" fmla="*/ 58323 w 767754"/>
                <a:gd name="connsiteY36" fmla="*/ 525950 h 798635"/>
                <a:gd name="connsiteX37" fmla="*/ 123342 w 767754"/>
                <a:gd name="connsiteY37" fmla="*/ 493438 h 798635"/>
                <a:gd name="connsiteX38" fmla="*/ 110395 w 767754"/>
                <a:gd name="connsiteY38" fmla="*/ 467485 h 798635"/>
                <a:gd name="connsiteX39" fmla="*/ 142857 w 767754"/>
                <a:gd name="connsiteY39" fmla="*/ 422045 h 798635"/>
                <a:gd name="connsiteX40" fmla="*/ 90880 w 767754"/>
                <a:gd name="connsiteY40" fmla="*/ 383068 h 798635"/>
                <a:gd name="connsiteX41" fmla="*/ 110395 w 767754"/>
                <a:gd name="connsiteY41" fmla="*/ 305115 h 798635"/>
                <a:gd name="connsiteX42" fmla="*/ 155803 w 767754"/>
                <a:gd name="connsiteY42" fmla="*/ 240187 h 798635"/>
                <a:gd name="connsiteX43" fmla="*/ 162372 w 767754"/>
                <a:gd name="connsiteY43" fmla="*/ 214234 h 798635"/>
                <a:gd name="connsiteX44" fmla="*/ 90880 w 767754"/>
                <a:gd name="connsiteY44" fmla="*/ 181722 h 798635"/>
                <a:gd name="connsiteX45" fmla="*/ 32334 w 767754"/>
                <a:gd name="connsiteY45" fmla="*/ 103864 h 798635"/>
                <a:gd name="connsiteX46" fmla="*/ 45281 w 767754"/>
                <a:gd name="connsiteY46" fmla="*/ 84376 h 798635"/>
                <a:gd name="connsiteX47" fmla="*/ -128 w 767754"/>
                <a:gd name="connsiteY47" fmla="*/ 19447 h 798635"/>
                <a:gd name="connsiteX48" fmla="*/ 77838 w 767754"/>
                <a:gd name="connsiteY48" fmla="*/ 32471 h 798635"/>
                <a:gd name="connsiteX49" fmla="*/ 123342 w 767754"/>
                <a:gd name="connsiteY49" fmla="*/ -41 h 798635"/>
                <a:gd name="connsiteX50" fmla="*/ 155803 w 767754"/>
                <a:gd name="connsiteY50" fmla="*/ 18972 h 79863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</a:cxnLst>
              <a:rect l="l" t="t" r="r" b="b"/>
              <a:pathLst>
                <a:path w="767754" h="798635">
                  <a:moveTo>
                    <a:pt x="156470" y="19447"/>
                  </a:moveTo>
                  <a:lnTo>
                    <a:pt x="175985" y="123353"/>
                  </a:lnTo>
                  <a:lnTo>
                    <a:pt x="221584" y="188281"/>
                  </a:lnTo>
                  <a:lnTo>
                    <a:pt x="247572" y="129817"/>
                  </a:lnTo>
                  <a:lnTo>
                    <a:pt x="299549" y="129817"/>
                  </a:lnTo>
                  <a:lnTo>
                    <a:pt x="306023" y="123353"/>
                  </a:lnTo>
                  <a:lnTo>
                    <a:pt x="357999" y="142841"/>
                  </a:lnTo>
                  <a:lnTo>
                    <a:pt x="436060" y="298651"/>
                  </a:lnTo>
                  <a:lnTo>
                    <a:pt x="416545" y="370044"/>
                  </a:lnTo>
                  <a:lnTo>
                    <a:pt x="429587" y="428509"/>
                  </a:lnTo>
                  <a:lnTo>
                    <a:pt x="527067" y="493438"/>
                  </a:lnTo>
                  <a:lnTo>
                    <a:pt x="540109" y="499997"/>
                  </a:lnTo>
                  <a:lnTo>
                    <a:pt x="657105" y="532414"/>
                  </a:lnTo>
                  <a:lnTo>
                    <a:pt x="722124" y="486878"/>
                  </a:lnTo>
                  <a:lnTo>
                    <a:pt x="722124" y="506462"/>
                  </a:lnTo>
                  <a:lnTo>
                    <a:pt x="709082" y="590879"/>
                  </a:lnTo>
                  <a:lnTo>
                    <a:pt x="741544" y="584319"/>
                  </a:lnTo>
                  <a:lnTo>
                    <a:pt x="767627" y="649248"/>
                  </a:lnTo>
                  <a:lnTo>
                    <a:pt x="598559" y="733665"/>
                  </a:lnTo>
                  <a:lnTo>
                    <a:pt x="559529" y="759713"/>
                  </a:lnTo>
                  <a:lnTo>
                    <a:pt x="514121" y="746689"/>
                  </a:lnTo>
                  <a:lnTo>
                    <a:pt x="495081" y="772642"/>
                  </a:lnTo>
                  <a:lnTo>
                    <a:pt x="423494" y="759713"/>
                  </a:lnTo>
                  <a:lnTo>
                    <a:pt x="410547" y="785666"/>
                  </a:lnTo>
                  <a:lnTo>
                    <a:pt x="345529" y="798594"/>
                  </a:lnTo>
                  <a:lnTo>
                    <a:pt x="286983" y="798594"/>
                  </a:lnTo>
                  <a:lnTo>
                    <a:pt x="286983" y="766177"/>
                  </a:lnTo>
                  <a:lnTo>
                    <a:pt x="195595" y="766177"/>
                  </a:lnTo>
                  <a:lnTo>
                    <a:pt x="104588" y="746689"/>
                  </a:lnTo>
                  <a:lnTo>
                    <a:pt x="71840" y="649248"/>
                  </a:lnTo>
                  <a:lnTo>
                    <a:pt x="136859" y="630235"/>
                  </a:lnTo>
                  <a:lnTo>
                    <a:pt x="143333" y="591354"/>
                  </a:lnTo>
                  <a:lnTo>
                    <a:pt x="110871" y="584795"/>
                  </a:lnTo>
                  <a:lnTo>
                    <a:pt x="6822" y="603808"/>
                  </a:lnTo>
                  <a:lnTo>
                    <a:pt x="348" y="590879"/>
                  </a:lnTo>
                  <a:lnTo>
                    <a:pt x="39283" y="512926"/>
                  </a:lnTo>
                  <a:lnTo>
                    <a:pt x="58323" y="525950"/>
                  </a:lnTo>
                  <a:lnTo>
                    <a:pt x="123342" y="493438"/>
                  </a:lnTo>
                  <a:lnTo>
                    <a:pt x="110395" y="467485"/>
                  </a:lnTo>
                  <a:lnTo>
                    <a:pt x="142857" y="422045"/>
                  </a:lnTo>
                  <a:lnTo>
                    <a:pt x="90880" y="383068"/>
                  </a:lnTo>
                  <a:lnTo>
                    <a:pt x="110395" y="305115"/>
                  </a:lnTo>
                  <a:lnTo>
                    <a:pt x="155803" y="240187"/>
                  </a:lnTo>
                  <a:lnTo>
                    <a:pt x="162372" y="214234"/>
                  </a:lnTo>
                  <a:lnTo>
                    <a:pt x="90880" y="181722"/>
                  </a:lnTo>
                  <a:lnTo>
                    <a:pt x="32334" y="103864"/>
                  </a:lnTo>
                  <a:lnTo>
                    <a:pt x="45281" y="84376"/>
                  </a:lnTo>
                  <a:lnTo>
                    <a:pt x="-128" y="19447"/>
                  </a:lnTo>
                  <a:lnTo>
                    <a:pt x="77838" y="32471"/>
                  </a:lnTo>
                  <a:lnTo>
                    <a:pt x="123342" y="-41"/>
                  </a:lnTo>
                  <a:lnTo>
                    <a:pt x="155803" y="18972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84" name="Freihandform 26883">
              <a:extLst>
                <a:ext uri="{FF2B5EF4-FFF2-40B4-BE49-F238E27FC236}">
                  <a16:creationId xmlns:a16="http://schemas.microsoft.com/office/drawing/2014/main" id="{57B1A761-1478-FBD4-49CC-BB6E5BD13626}"/>
                </a:ext>
              </a:extLst>
            </p:cNvPr>
            <p:cNvSpPr/>
            <p:nvPr/>
          </p:nvSpPr>
          <p:spPr>
            <a:xfrm>
              <a:off x="5802121" y="588708"/>
              <a:ext cx="1384529" cy="1291829"/>
            </a:xfrm>
            <a:custGeom>
              <a:avLst/>
              <a:gdLst>
                <a:gd name="connsiteX0" fmla="*/ 422828 w 1384529"/>
                <a:gd name="connsiteY0" fmla="*/ 122972 h 1291829"/>
                <a:gd name="connsiteX1" fmla="*/ 441867 w 1384529"/>
                <a:gd name="connsiteY1" fmla="*/ 148925 h 1291829"/>
                <a:gd name="connsiteX2" fmla="*/ 571810 w 1384529"/>
                <a:gd name="connsiteY2" fmla="*/ 64603 h 1291829"/>
                <a:gd name="connsiteX3" fmla="*/ 623882 w 1384529"/>
                <a:gd name="connsiteY3" fmla="*/ 155484 h 1291829"/>
                <a:gd name="connsiteX4" fmla="*/ 669385 w 1384529"/>
                <a:gd name="connsiteY4" fmla="*/ 136471 h 1291829"/>
                <a:gd name="connsiteX5" fmla="*/ 714889 w 1384529"/>
                <a:gd name="connsiteY5" fmla="*/ 233912 h 1291829"/>
                <a:gd name="connsiteX6" fmla="*/ 779812 w 1384529"/>
                <a:gd name="connsiteY6" fmla="*/ 227353 h 1291829"/>
                <a:gd name="connsiteX7" fmla="*/ 831885 w 1384529"/>
                <a:gd name="connsiteY7" fmla="*/ 246366 h 1291829"/>
                <a:gd name="connsiteX8" fmla="*/ 896903 w 1384529"/>
                <a:gd name="connsiteY8" fmla="*/ 343807 h 1291829"/>
                <a:gd name="connsiteX9" fmla="*/ 942407 w 1384529"/>
                <a:gd name="connsiteY9" fmla="*/ 298366 h 1291829"/>
                <a:gd name="connsiteX10" fmla="*/ 981437 w 1384529"/>
                <a:gd name="connsiteY10" fmla="*/ 330783 h 1291829"/>
                <a:gd name="connsiteX11" fmla="*/ 1013899 w 1384529"/>
                <a:gd name="connsiteY11" fmla="*/ 311770 h 1291829"/>
                <a:gd name="connsiteX12" fmla="*/ 1078918 w 1384529"/>
                <a:gd name="connsiteY12" fmla="*/ 330783 h 1291829"/>
                <a:gd name="connsiteX13" fmla="*/ 1143937 w 1384529"/>
                <a:gd name="connsiteY13" fmla="*/ 369759 h 1291829"/>
                <a:gd name="connsiteX14" fmla="*/ 1169925 w 1384529"/>
                <a:gd name="connsiteY14" fmla="*/ 421759 h 1291829"/>
                <a:gd name="connsiteX15" fmla="*/ 1234944 w 1384529"/>
                <a:gd name="connsiteY15" fmla="*/ 428224 h 1291829"/>
                <a:gd name="connsiteX16" fmla="*/ 1299963 w 1384529"/>
                <a:gd name="connsiteY16" fmla="*/ 447237 h 1291829"/>
                <a:gd name="connsiteX17" fmla="*/ 1351940 w 1384529"/>
                <a:gd name="connsiteY17" fmla="*/ 505606 h 1291829"/>
                <a:gd name="connsiteX18" fmla="*/ 1345466 w 1384529"/>
                <a:gd name="connsiteY18" fmla="*/ 531654 h 1291829"/>
                <a:gd name="connsiteX19" fmla="*/ 1280448 w 1384529"/>
                <a:gd name="connsiteY19" fmla="*/ 531654 h 1291829"/>
                <a:gd name="connsiteX20" fmla="*/ 1273975 w 1384529"/>
                <a:gd name="connsiteY20" fmla="*/ 577095 h 1291829"/>
                <a:gd name="connsiteX21" fmla="*/ 1221902 w 1384529"/>
                <a:gd name="connsiteY21" fmla="*/ 603047 h 1291829"/>
                <a:gd name="connsiteX22" fmla="*/ 1247891 w 1384529"/>
                <a:gd name="connsiteY22" fmla="*/ 661512 h 1291829"/>
                <a:gd name="connsiteX23" fmla="*/ 1241417 w 1384529"/>
                <a:gd name="connsiteY23" fmla="*/ 693929 h 1291829"/>
                <a:gd name="connsiteX24" fmla="*/ 1299963 w 1384529"/>
                <a:gd name="connsiteY24" fmla="*/ 712941 h 1291829"/>
                <a:gd name="connsiteX25" fmla="*/ 1332425 w 1384529"/>
                <a:gd name="connsiteY25" fmla="*/ 771406 h 1291829"/>
                <a:gd name="connsiteX26" fmla="*/ 1377929 w 1384529"/>
                <a:gd name="connsiteY26" fmla="*/ 810382 h 1291829"/>
                <a:gd name="connsiteX27" fmla="*/ 1384402 w 1384529"/>
                <a:gd name="connsiteY27" fmla="*/ 855823 h 1291829"/>
                <a:gd name="connsiteX28" fmla="*/ 1280448 w 1384529"/>
                <a:gd name="connsiteY28" fmla="*/ 888240 h 1291829"/>
                <a:gd name="connsiteX29" fmla="*/ 1182872 w 1384529"/>
                <a:gd name="connsiteY29" fmla="*/ 1011824 h 1291829"/>
                <a:gd name="connsiteX30" fmla="*/ 1156883 w 1384529"/>
                <a:gd name="connsiteY30" fmla="*/ 985871 h 1291829"/>
                <a:gd name="connsiteX31" fmla="*/ 1143937 w 1384529"/>
                <a:gd name="connsiteY31" fmla="*/ 1037776 h 1291829"/>
                <a:gd name="connsiteX32" fmla="*/ 1104907 w 1384529"/>
                <a:gd name="connsiteY32" fmla="*/ 1031312 h 1291829"/>
                <a:gd name="connsiteX33" fmla="*/ 1039888 w 1384529"/>
                <a:gd name="connsiteY33" fmla="*/ 1141682 h 1291829"/>
                <a:gd name="connsiteX34" fmla="*/ 1013899 w 1384529"/>
                <a:gd name="connsiteY34" fmla="*/ 1115729 h 1291829"/>
                <a:gd name="connsiteX35" fmla="*/ 974869 w 1384529"/>
                <a:gd name="connsiteY35" fmla="*/ 1122193 h 1291829"/>
                <a:gd name="connsiteX36" fmla="*/ 974869 w 1384529"/>
                <a:gd name="connsiteY36" fmla="*/ 1154705 h 1291829"/>
                <a:gd name="connsiteX37" fmla="*/ 929841 w 1384529"/>
                <a:gd name="connsiteY37" fmla="*/ 1129513 h 1291829"/>
                <a:gd name="connsiteX38" fmla="*/ 910802 w 1384529"/>
                <a:gd name="connsiteY38" fmla="*/ 1161930 h 1291829"/>
                <a:gd name="connsiteX39" fmla="*/ 845878 w 1384529"/>
                <a:gd name="connsiteY39" fmla="*/ 1135978 h 1291829"/>
                <a:gd name="connsiteX40" fmla="*/ 767818 w 1384529"/>
                <a:gd name="connsiteY40" fmla="*/ 1239883 h 1291829"/>
                <a:gd name="connsiteX41" fmla="*/ 767818 w 1384529"/>
                <a:gd name="connsiteY41" fmla="*/ 1246347 h 1291829"/>
                <a:gd name="connsiteX42" fmla="*/ 676906 w 1384529"/>
                <a:gd name="connsiteY42" fmla="*/ 1135978 h 1291829"/>
                <a:gd name="connsiteX43" fmla="*/ 650822 w 1384529"/>
                <a:gd name="connsiteY43" fmla="*/ 1142442 h 1291829"/>
                <a:gd name="connsiteX44" fmla="*/ 650822 w 1384529"/>
                <a:gd name="connsiteY44" fmla="*/ 1233419 h 1291829"/>
                <a:gd name="connsiteX45" fmla="*/ 598845 w 1384529"/>
                <a:gd name="connsiteY45" fmla="*/ 1233419 h 1291829"/>
                <a:gd name="connsiteX46" fmla="*/ 605318 w 1384529"/>
                <a:gd name="connsiteY46" fmla="*/ 1272300 h 1291829"/>
                <a:gd name="connsiteX47" fmla="*/ 559815 w 1384529"/>
                <a:gd name="connsiteY47" fmla="*/ 1265836 h 1291829"/>
                <a:gd name="connsiteX48" fmla="*/ 533827 w 1384529"/>
                <a:gd name="connsiteY48" fmla="*/ 1291788 h 1291829"/>
                <a:gd name="connsiteX49" fmla="*/ 507838 w 1384529"/>
                <a:gd name="connsiteY49" fmla="*/ 1265836 h 1291829"/>
                <a:gd name="connsiteX50" fmla="*/ 507838 w 1384529"/>
                <a:gd name="connsiteY50" fmla="*/ 1226859 h 1291829"/>
                <a:gd name="connsiteX51" fmla="*/ 481278 w 1384529"/>
                <a:gd name="connsiteY51" fmla="*/ 1207276 h 1291829"/>
                <a:gd name="connsiteX52" fmla="*/ 455290 w 1384529"/>
                <a:gd name="connsiteY52" fmla="*/ 1194347 h 1291829"/>
                <a:gd name="connsiteX53" fmla="*/ 370851 w 1384529"/>
                <a:gd name="connsiteY53" fmla="*/ 1226764 h 1291829"/>
                <a:gd name="connsiteX54" fmla="*/ 272990 w 1384529"/>
                <a:gd name="connsiteY54" fmla="*/ 1181418 h 1291829"/>
                <a:gd name="connsiteX55" fmla="*/ 227391 w 1384529"/>
                <a:gd name="connsiteY55" fmla="*/ 1097001 h 1291829"/>
                <a:gd name="connsiteX56" fmla="*/ 175794 w 1384529"/>
                <a:gd name="connsiteY56" fmla="*/ 1083692 h 1291829"/>
                <a:gd name="connsiteX57" fmla="*/ 156755 w 1384529"/>
                <a:gd name="connsiteY57" fmla="*/ 1044811 h 1291829"/>
                <a:gd name="connsiteX58" fmla="*/ 189217 w 1384529"/>
                <a:gd name="connsiteY58" fmla="*/ 1044811 h 1291829"/>
                <a:gd name="connsiteX59" fmla="*/ 182744 w 1384529"/>
                <a:gd name="connsiteY59" fmla="*/ 1018763 h 1291829"/>
                <a:gd name="connsiteX60" fmla="*/ 234816 w 1384529"/>
                <a:gd name="connsiteY60" fmla="*/ 992811 h 1291829"/>
                <a:gd name="connsiteX61" fmla="*/ 241289 w 1384529"/>
                <a:gd name="connsiteY61" fmla="*/ 934346 h 1291829"/>
                <a:gd name="connsiteX62" fmla="*/ 156755 w 1384529"/>
                <a:gd name="connsiteY62" fmla="*/ 869512 h 1291829"/>
                <a:gd name="connsiteX63" fmla="*/ 137716 w 1384529"/>
                <a:gd name="connsiteY63" fmla="*/ 804488 h 1291829"/>
                <a:gd name="connsiteX64" fmla="*/ 105254 w 1384529"/>
                <a:gd name="connsiteY64" fmla="*/ 804488 h 1291829"/>
                <a:gd name="connsiteX65" fmla="*/ 79266 w 1384529"/>
                <a:gd name="connsiteY65" fmla="*/ 707142 h 1291829"/>
                <a:gd name="connsiteX66" fmla="*/ 72698 w 1384529"/>
                <a:gd name="connsiteY66" fmla="*/ 622725 h 1291829"/>
                <a:gd name="connsiteX67" fmla="*/ 14247 w 1384529"/>
                <a:gd name="connsiteY67" fmla="*/ 577285 h 1291829"/>
                <a:gd name="connsiteX68" fmla="*/ 6441 w 1384529"/>
                <a:gd name="connsiteY68" fmla="*/ 441152 h 1291829"/>
                <a:gd name="connsiteX69" fmla="*/ -128 w 1384529"/>
                <a:gd name="connsiteY69" fmla="*/ 422140 h 1291829"/>
                <a:gd name="connsiteX70" fmla="*/ 38903 w 1384529"/>
                <a:gd name="connsiteY70" fmla="*/ 409116 h 1291829"/>
                <a:gd name="connsiteX71" fmla="*/ 45376 w 1384529"/>
                <a:gd name="connsiteY71" fmla="*/ 441533 h 1291829"/>
                <a:gd name="connsiteX72" fmla="*/ 71365 w 1384529"/>
                <a:gd name="connsiteY72" fmla="*/ 389628 h 1291829"/>
                <a:gd name="connsiteX73" fmla="*/ 111156 w 1384529"/>
                <a:gd name="connsiteY73" fmla="*/ 389628 h 1291829"/>
                <a:gd name="connsiteX74" fmla="*/ 156660 w 1384529"/>
                <a:gd name="connsiteY74" fmla="*/ 422140 h 1291829"/>
                <a:gd name="connsiteX75" fmla="*/ 156660 w 1384529"/>
                <a:gd name="connsiteY75" fmla="*/ 389723 h 1291829"/>
                <a:gd name="connsiteX76" fmla="*/ 85168 w 1384529"/>
                <a:gd name="connsiteY76" fmla="*/ 363770 h 1291829"/>
                <a:gd name="connsiteX77" fmla="*/ 52611 w 1384529"/>
                <a:gd name="connsiteY77" fmla="*/ 259865 h 1291829"/>
                <a:gd name="connsiteX78" fmla="*/ 33572 w 1384529"/>
                <a:gd name="connsiteY78" fmla="*/ 207960 h 1291829"/>
                <a:gd name="connsiteX79" fmla="*/ 137526 w 1384529"/>
                <a:gd name="connsiteY79" fmla="*/ 220888 h 1291829"/>
                <a:gd name="connsiteX80" fmla="*/ 169226 w 1384529"/>
                <a:gd name="connsiteY80" fmla="*/ 161568 h 1291829"/>
                <a:gd name="connsiteX81" fmla="*/ 201783 w 1384529"/>
                <a:gd name="connsiteY81" fmla="*/ 83711 h 1291829"/>
                <a:gd name="connsiteX82" fmla="*/ 169226 w 1384529"/>
                <a:gd name="connsiteY82" fmla="*/ 12222 h 1291829"/>
                <a:gd name="connsiteX83" fmla="*/ 227771 w 1384529"/>
                <a:gd name="connsiteY83" fmla="*/ -41 h 1291829"/>
                <a:gd name="connsiteX84" fmla="*/ 318779 w 1384529"/>
                <a:gd name="connsiteY84" fmla="*/ 110329 h 1291829"/>
                <a:gd name="connsiteX85" fmla="*/ 422828 w 1384529"/>
                <a:gd name="connsiteY85" fmla="*/ 123257 h 129182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</a:cxnLst>
              <a:rect l="l" t="t" r="r" b="b"/>
              <a:pathLst>
                <a:path w="1384529" h="1291829">
                  <a:moveTo>
                    <a:pt x="422828" y="122972"/>
                  </a:moveTo>
                  <a:lnTo>
                    <a:pt x="441867" y="148925"/>
                  </a:lnTo>
                  <a:lnTo>
                    <a:pt x="571810" y="64603"/>
                  </a:lnTo>
                  <a:lnTo>
                    <a:pt x="623882" y="155484"/>
                  </a:lnTo>
                  <a:lnTo>
                    <a:pt x="669385" y="136471"/>
                  </a:lnTo>
                  <a:lnTo>
                    <a:pt x="714889" y="233912"/>
                  </a:lnTo>
                  <a:lnTo>
                    <a:pt x="779812" y="227353"/>
                  </a:lnTo>
                  <a:lnTo>
                    <a:pt x="831885" y="246366"/>
                  </a:lnTo>
                  <a:lnTo>
                    <a:pt x="896903" y="343807"/>
                  </a:lnTo>
                  <a:lnTo>
                    <a:pt x="942407" y="298366"/>
                  </a:lnTo>
                  <a:lnTo>
                    <a:pt x="981437" y="330783"/>
                  </a:lnTo>
                  <a:lnTo>
                    <a:pt x="1013899" y="311770"/>
                  </a:lnTo>
                  <a:lnTo>
                    <a:pt x="1078918" y="330783"/>
                  </a:lnTo>
                  <a:lnTo>
                    <a:pt x="1143937" y="369759"/>
                  </a:lnTo>
                  <a:lnTo>
                    <a:pt x="1169925" y="421759"/>
                  </a:lnTo>
                  <a:lnTo>
                    <a:pt x="1234944" y="428224"/>
                  </a:lnTo>
                  <a:lnTo>
                    <a:pt x="1299963" y="447237"/>
                  </a:lnTo>
                  <a:lnTo>
                    <a:pt x="1351940" y="505606"/>
                  </a:lnTo>
                  <a:lnTo>
                    <a:pt x="1345466" y="531654"/>
                  </a:lnTo>
                  <a:lnTo>
                    <a:pt x="1280448" y="531654"/>
                  </a:lnTo>
                  <a:lnTo>
                    <a:pt x="1273975" y="577095"/>
                  </a:lnTo>
                  <a:lnTo>
                    <a:pt x="1221902" y="603047"/>
                  </a:lnTo>
                  <a:lnTo>
                    <a:pt x="1247891" y="661512"/>
                  </a:lnTo>
                  <a:lnTo>
                    <a:pt x="1241417" y="693929"/>
                  </a:lnTo>
                  <a:lnTo>
                    <a:pt x="1299963" y="712941"/>
                  </a:lnTo>
                  <a:lnTo>
                    <a:pt x="1332425" y="771406"/>
                  </a:lnTo>
                  <a:lnTo>
                    <a:pt x="1377929" y="810382"/>
                  </a:lnTo>
                  <a:lnTo>
                    <a:pt x="1384402" y="855823"/>
                  </a:lnTo>
                  <a:lnTo>
                    <a:pt x="1280448" y="888240"/>
                  </a:lnTo>
                  <a:lnTo>
                    <a:pt x="1182872" y="1011824"/>
                  </a:lnTo>
                  <a:lnTo>
                    <a:pt x="1156883" y="985871"/>
                  </a:lnTo>
                  <a:lnTo>
                    <a:pt x="1143937" y="1037776"/>
                  </a:lnTo>
                  <a:lnTo>
                    <a:pt x="1104907" y="1031312"/>
                  </a:lnTo>
                  <a:lnTo>
                    <a:pt x="1039888" y="1141682"/>
                  </a:lnTo>
                  <a:lnTo>
                    <a:pt x="1013899" y="1115729"/>
                  </a:lnTo>
                  <a:lnTo>
                    <a:pt x="974869" y="1122193"/>
                  </a:lnTo>
                  <a:lnTo>
                    <a:pt x="974869" y="1154705"/>
                  </a:lnTo>
                  <a:lnTo>
                    <a:pt x="929841" y="1129513"/>
                  </a:lnTo>
                  <a:lnTo>
                    <a:pt x="910802" y="1161930"/>
                  </a:lnTo>
                  <a:lnTo>
                    <a:pt x="845878" y="1135978"/>
                  </a:lnTo>
                  <a:lnTo>
                    <a:pt x="767818" y="1239883"/>
                  </a:lnTo>
                  <a:lnTo>
                    <a:pt x="767818" y="1246347"/>
                  </a:lnTo>
                  <a:lnTo>
                    <a:pt x="676906" y="1135978"/>
                  </a:lnTo>
                  <a:lnTo>
                    <a:pt x="650822" y="1142442"/>
                  </a:lnTo>
                  <a:lnTo>
                    <a:pt x="650822" y="1233419"/>
                  </a:lnTo>
                  <a:lnTo>
                    <a:pt x="598845" y="1233419"/>
                  </a:lnTo>
                  <a:lnTo>
                    <a:pt x="605318" y="1272300"/>
                  </a:lnTo>
                  <a:lnTo>
                    <a:pt x="559815" y="1265836"/>
                  </a:lnTo>
                  <a:lnTo>
                    <a:pt x="533827" y="1291788"/>
                  </a:lnTo>
                  <a:lnTo>
                    <a:pt x="507838" y="1265836"/>
                  </a:lnTo>
                  <a:lnTo>
                    <a:pt x="507838" y="1226859"/>
                  </a:lnTo>
                  <a:lnTo>
                    <a:pt x="481278" y="1207276"/>
                  </a:lnTo>
                  <a:lnTo>
                    <a:pt x="455290" y="1194347"/>
                  </a:lnTo>
                  <a:lnTo>
                    <a:pt x="370851" y="1226764"/>
                  </a:lnTo>
                  <a:lnTo>
                    <a:pt x="272990" y="1181418"/>
                  </a:lnTo>
                  <a:lnTo>
                    <a:pt x="227391" y="1097001"/>
                  </a:lnTo>
                  <a:lnTo>
                    <a:pt x="175794" y="1083692"/>
                  </a:lnTo>
                  <a:lnTo>
                    <a:pt x="156755" y="1044811"/>
                  </a:lnTo>
                  <a:lnTo>
                    <a:pt x="189217" y="1044811"/>
                  </a:lnTo>
                  <a:lnTo>
                    <a:pt x="182744" y="1018763"/>
                  </a:lnTo>
                  <a:lnTo>
                    <a:pt x="234816" y="992811"/>
                  </a:lnTo>
                  <a:lnTo>
                    <a:pt x="241289" y="934346"/>
                  </a:lnTo>
                  <a:lnTo>
                    <a:pt x="156755" y="869512"/>
                  </a:lnTo>
                  <a:lnTo>
                    <a:pt x="137716" y="804488"/>
                  </a:lnTo>
                  <a:lnTo>
                    <a:pt x="105254" y="804488"/>
                  </a:lnTo>
                  <a:lnTo>
                    <a:pt x="79266" y="707142"/>
                  </a:lnTo>
                  <a:lnTo>
                    <a:pt x="72698" y="622725"/>
                  </a:lnTo>
                  <a:lnTo>
                    <a:pt x="14247" y="577285"/>
                  </a:lnTo>
                  <a:lnTo>
                    <a:pt x="6441" y="441152"/>
                  </a:lnTo>
                  <a:lnTo>
                    <a:pt x="-128" y="422140"/>
                  </a:lnTo>
                  <a:lnTo>
                    <a:pt x="38903" y="409116"/>
                  </a:lnTo>
                  <a:lnTo>
                    <a:pt x="45376" y="441533"/>
                  </a:lnTo>
                  <a:lnTo>
                    <a:pt x="71365" y="389628"/>
                  </a:lnTo>
                  <a:lnTo>
                    <a:pt x="111156" y="389628"/>
                  </a:lnTo>
                  <a:lnTo>
                    <a:pt x="156660" y="422140"/>
                  </a:lnTo>
                  <a:lnTo>
                    <a:pt x="156660" y="389723"/>
                  </a:lnTo>
                  <a:lnTo>
                    <a:pt x="85168" y="363770"/>
                  </a:lnTo>
                  <a:lnTo>
                    <a:pt x="52611" y="259865"/>
                  </a:lnTo>
                  <a:lnTo>
                    <a:pt x="33572" y="207960"/>
                  </a:lnTo>
                  <a:lnTo>
                    <a:pt x="137526" y="220888"/>
                  </a:lnTo>
                  <a:lnTo>
                    <a:pt x="169226" y="161568"/>
                  </a:lnTo>
                  <a:lnTo>
                    <a:pt x="201783" y="83711"/>
                  </a:lnTo>
                  <a:lnTo>
                    <a:pt x="169226" y="12222"/>
                  </a:lnTo>
                  <a:lnTo>
                    <a:pt x="227771" y="-41"/>
                  </a:lnTo>
                  <a:lnTo>
                    <a:pt x="318779" y="110329"/>
                  </a:lnTo>
                  <a:lnTo>
                    <a:pt x="422828" y="123257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86" name="Freihandform 26885">
              <a:extLst>
                <a:ext uri="{FF2B5EF4-FFF2-40B4-BE49-F238E27FC236}">
                  <a16:creationId xmlns:a16="http://schemas.microsoft.com/office/drawing/2014/main" id="{62301130-0DC5-C5A4-4449-972FEFBFB88C}"/>
                </a:ext>
              </a:extLst>
            </p:cNvPr>
            <p:cNvSpPr/>
            <p:nvPr/>
          </p:nvSpPr>
          <p:spPr>
            <a:xfrm>
              <a:off x="3501236" y="2802185"/>
              <a:ext cx="1650792" cy="2195035"/>
            </a:xfrm>
            <a:custGeom>
              <a:avLst/>
              <a:gdLst>
                <a:gd name="connsiteX0" fmla="*/ 1065972 w 1650792"/>
                <a:gd name="connsiteY0" fmla="*/ 84851 h 2195035"/>
                <a:gd name="connsiteX1" fmla="*/ 1105002 w 1650792"/>
                <a:gd name="connsiteY1" fmla="*/ 149780 h 2195035"/>
                <a:gd name="connsiteX2" fmla="*/ 1124517 w 1650792"/>
                <a:gd name="connsiteY2" fmla="*/ 117268 h 2195035"/>
                <a:gd name="connsiteX3" fmla="*/ 1170021 w 1650792"/>
                <a:gd name="connsiteY3" fmla="*/ 123828 h 2195035"/>
                <a:gd name="connsiteX4" fmla="*/ 1163547 w 1650792"/>
                <a:gd name="connsiteY4" fmla="*/ 97780 h 2195035"/>
                <a:gd name="connsiteX5" fmla="*/ 1202483 w 1650792"/>
                <a:gd name="connsiteY5" fmla="*/ 91316 h 2195035"/>
                <a:gd name="connsiteX6" fmla="*/ 1261028 w 1650792"/>
                <a:gd name="connsiteY6" fmla="*/ 84851 h 2195035"/>
                <a:gd name="connsiteX7" fmla="*/ 1371551 w 1650792"/>
                <a:gd name="connsiteY7" fmla="*/ 188757 h 2195035"/>
                <a:gd name="connsiteX8" fmla="*/ 1371551 w 1650792"/>
                <a:gd name="connsiteY8" fmla="*/ 221173 h 2195035"/>
                <a:gd name="connsiteX9" fmla="*/ 1300058 w 1650792"/>
                <a:gd name="connsiteY9" fmla="*/ 253686 h 2195035"/>
                <a:gd name="connsiteX10" fmla="*/ 1293490 w 1650792"/>
                <a:gd name="connsiteY10" fmla="*/ 286103 h 2195035"/>
                <a:gd name="connsiteX11" fmla="*/ 1378024 w 1650792"/>
                <a:gd name="connsiteY11" fmla="*/ 325079 h 2195035"/>
                <a:gd name="connsiteX12" fmla="*/ 1352035 w 1650792"/>
                <a:gd name="connsiteY12" fmla="*/ 364055 h 2195035"/>
                <a:gd name="connsiteX13" fmla="*/ 1364982 w 1650792"/>
                <a:gd name="connsiteY13" fmla="*/ 390008 h 2195035"/>
                <a:gd name="connsiteX14" fmla="*/ 1384497 w 1650792"/>
                <a:gd name="connsiteY14" fmla="*/ 409496 h 2195035"/>
                <a:gd name="connsiteX15" fmla="*/ 1384497 w 1650792"/>
                <a:gd name="connsiteY15" fmla="*/ 467961 h 2195035"/>
                <a:gd name="connsiteX16" fmla="*/ 1352035 w 1650792"/>
                <a:gd name="connsiteY16" fmla="*/ 480889 h 2195035"/>
                <a:gd name="connsiteX17" fmla="*/ 1345562 w 1650792"/>
                <a:gd name="connsiteY17" fmla="*/ 519866 h 2195035"/>
                <a:gd name="connsiteX18" fmla="*/ 1384497 w 1650792"/>
                <a:gd name="connsiteY18" fmla="*/ 649724 h 2195035"/>
                <a:gd name="connsiteX19" fmla="*/ 1599069 w 1650792"/>
                <a:gd name="connsiteY19" fmla="*/ 714462 h 2195035"/>
                <a:gd name="connsiteX20" fmla="*/ 1618108 w 1650792"/>
                <a:gd name="connsiteY20" fmla="*/ 766463 h 2195035"/>
                <a:gd name="connsiteX21" fmla="*/ 1650665 w 1650792"/>
                <a:gd name="connsiteY21" fmla="*/ 772927 h 2195035"/>
                <a:gd name="connsiteX22" fmla="*/ 1638099 w 1650792"/>
                <a:gd name="connsiteY22" fmla="*/ 838046 h 2195035"/>
                <a:gd name="connsiteX23" fmla="*/ 1560038 w 1650792"/>
                <a:gd name="connsiteY23" fmla="*/ 851070 h 2195035"/>
                <a:gd name="connsiteX24" fmla="*/ 1482073 w 1650792"/>
                <a:gd name="connsiteY24" fmla="*/ 922463 h 2195035"/>
                <a:gd name="connsiteX25" fmla="*/ 1404012 w 1650792"/>
                <a:gd name="connsiteY25" fmla="*/ 941951 h 2195035"/>
                <a:gd name="connsiteX26" fmla="*/ 1436569 w 1650792"/>
                <a:gd name="connsiteY26" fmla="*/ 1026368 h 2195035"/>
                <a:gd name="connsiteX27" fmla="*/ 1495020 w 1650792"/>
                <a:gd name="connsiteY27" fmla="*/ 1039392 h 2195035"/>
                <a:gd name="connsiteX28" fmla="*/ 1475981 w 1650792"/>
                <a:gd name="connsiteY28" fmla="*/ 1091298 h 2195035"/>
                <a:gd name="connsiteX29" fmla="*/ 1553946 w 1650792"/>
                <a:gd name="connsiteY29" fmla="*/ 1201667 h 2195035"/>
                <a:gd name="connsiteX30" fmla="*/ 1566988 w 1650792"/>
                <a:gd name="connsiteY30" fmla="*/ 1247203 h 2195035"/>
                <a:gd name="connsiteX31" fmla="*/ 1482454 w 1650792"/>
                <a:gd name="connsiteY31" fmla="*/ 1266216 h 2195035"/>
                <a:gd name="connsiteX32" fmla="*/ 1430382 w 1650792"/>
                <a:gd name="connsiteY32" fmla="*/ 1305192 h 2195035"/>
                <a:gd name="connsiteX33" fmla="*/ 1364887 w 1650792"/>
                <a:gd name="connsiteY33" fmla="*/ 1318501 h 2195035"/>
                <a:gd name="connsiteX34" fmla="*/ 1287017 w 1650792"/>
                <a:gd name="connsiteY34" fmla="*/ 1273061 h 2195035"/>
                <a:gd name="connsiteX35" fmla="*/ 1208956 w 1650792"/>
                <a:gd name="connsiteY35" fmla="*/ 1292644 h 2195035"/>
                <a:gd name="connsiteX36" fmla="*/ 1144032 w 1650792"/>
                <a:gd name="connsiteY36" fmla="*/ 1246823 h 2195035"/>
                <a:gd name="connsiteX37" fmla="*/ 1059498 w 1650792"/>
                <a:gd name="connsiteY37" fmla="*/ 1214311 h 2195035"/>
                <a:gd name="connsiteX38" fmla="*/ 1033510 w 1650792"/>
                <a:gd name="connsiteY38" fmla="*/ 1259751 h 2195035"/>
                <a:gd name="connsiteX39" fmla="*/ 1007521 w 1650792"/>
                <a:gd name="connsiteY39" fmla="*/ 1246823 h 2195035"/>
                <a:gd name="connsiteX40" fmla="*/ 890430 w 1650792"/>
                <a:gd name="connsiteY40" fmla="*/ 1265836 h 2195035"/>
                <a:gd name="connsiteX41" fmla="*/ 851495 w 1650792"/>
                <a:gd name="connsiteY41" fmla="*/ 1246823 h 2195035"/>
                <a:gd name="connsiteX42" fmla="*/ 779908 w 1650792"/>
                <a:gd name="connsiteY42" fmla="*/ 1363657 h 2195035"/>
                <a:gd name="connsiteX43" fmla="*/ 740973 w 1650792"/>
                <a:gd name="connsiteY43" fmla="*/ 1370121 h 2195035"/>
                <a:gd name="connsiteX44" fmla="*/ 753919 w 1650792"/>
                <a:gd name="connsiteY44" fmla="*/ 1409098 h 2195035"/>
                <a:gd name="connsiteX45" fmla="*/ 675954 w 1650792"/>
                <a:gd name="connsiteY45" fmla="*/ 1441515 h 2195035"/>
                <a:gd name="connsiteX46" fmla="*/ 675954 w 1650792"/>
                <a:gd name="connsiteY46" fmla="*/ 1474026 h 2195035"/>
                <a:gd name="connsiteX47" fmla="*/ 643492 w 1650792"/>
                <a:gd name="connsiteY47" fmla="*/ 1597610 h 2195035"/>
                <a:gd name="connsiteX48" fmla="*/ 656439 w 1650792"/>
                <a:gd name="connsiteY48" fmla="*/ 1681932 h 2195035"/>
                <a:gd name="connsiteX49" fmla="*/ 643492 w 1650792"/>
                <a:gd name="connsiteY49" fmla="*/ 1759885 h 2195035"/>
                <a:gd name="connsiteX50" fmla="*/ 747446 w 1650792"/>
                <a:gd name="connsiteY50" fmla="*/ 1772909 h 2195035"/>
                <a:gd name="connsiteX51" fmla="*/ 799423 w 1650792"/>
                <a:gd name="connsiteY51" fmla="*/ 1863790 h 2195035"/>
                <a:gd name="connsiteX52" fmla="*/ 805992 w 1650792"/>
                <a:gd name="connsiteY52" fmla="*/ 1889838 h 2195035"/>
                <a:gd name="connsiteX53" fmla="*/ 773435 w 1650792"/>
                <a:gd name="connsiteY53" fmla="*/ 1902767 h 2195035"/>
                <a:gd name="connsiteX54" fmla="*/ 812465 w 1650792"/>
                <a:gd name="connsiteY54" fmla="*/ 1980624 h 2195035"/>
                <a:gd name="connsiteX55" fmla="*/ 786476 w 1650792"/>
                <a:gd name="connsiteY55" fmla="*/ 2052113 h 2195035"/>
                <a:gd name="connsiteX56" fmla="*/ 708511 w 1650792"/>
                <a:gd name="connsiteY56" fmla="*/ 2156018 h 2195035"/>
                <a:gd name="connsiteX57" fmla="*/ 727550 w 1650792"/>
                <a:gd name="connsiteY57" fmla="*/ 2194994 h 2195035"/>
                <a:gd name="connsiteX58" fmla="*/ 578093 w 1650792"/>
                <a:gd name="connsiteY58" fmla="*/ 2194994 h 2195035"/>
                <a:gd name="connsiteX59" fmla="*/ 422447 w 1650792"/>
                <a:gd name="connsiteY59" fmla="*/ 2149934 h 2195035"/>
                <a:gd name="connsiteX60" fmla="*/ 376944 w 1650792"/>
                <a:gd name="connsiteY60" fmla="*/ 2156493 h 2195035"/>
                <a:gd name="connsiteX61" fmla="*/ 201402 w 1650792"/>
                <a:gd name="connsiteY61" fmla="*/ 2072076 h 2195035"/>
                <a:gd name="connsiteX62" fmla="*/ 97353 w 1650792"/>
                <a:gd name="connsiteY62" fmla="*/ 1948492 h 2195035"/>
                <a:gd name="connsiteX63" fmla="*/ 110395 w 1650792"/>
                <a:gd name="connsiteY63" fmla="*/ 1824909 h 2195035"/>
                <a:gd name="connsiteX64" fmla="*/ 103922 w 1650792"/>
                <a:gd name="connsiteY64" fmla="*/ 1805421 h 2195035"/>
                <a:gd name="connsiteX65" fmla="*/ 168940 w 1650792"/>
                <a:gd name="connsiteY65" fmla="*/ 1753515 h 2195035"/>
                <a:gd name="connsiteX66" fmla="*/ 207876 w 1650792"/>
                <a:gd name="connsiteY66" fmla="*/ 1604169 h 2195035"/>
                <a:gd name="connsiteX67" fmla="*/ 194929 w 1650792"/>
                <a:gd name="connsiteY67" fmla="*/ 1565193 h 2195035"/>
                <a:gd name="connsiteX68" fmla="*/ 129910 w 1650792"/>
                <a:gd name="connsiteY68" fmla="*/ 1578217 h 2195035"/>
                <a:gd name="connsiteX69" fmla="*/ 116868 w 1650792"/>
                <a:gd name="connsiteY69" fmla="*/ 1532681 h 2195035"/>
                <a:gd name="connsiteX70" fmla="*/ 155899 w 1650792"/>
                <a:gd name="connsiteY70" fmla="*/ 1435335 h 2195035"/>
                <a:gd name="connsiteX71" fmla="*/ 201402 w 1650792"/>
                <a:gd name="connsiteY71" fmla="*/ 1409383 h 2195035"/>
                <a:gd name="connsiteX72" fmla="*/ 240433 w 1650792"/>
                <a:gd name="connsiteY72" fmla="*/ 1383430 h 2195035"/>
                <a:gd name="connsiteX73" fmla="*/ 285936 w 1650792"/>
                <a:gd name="connsiteY73" fmla="*/ 1266501 h 2195035"/>
                <a:gd name="connsiteX74" fmla="*/ 103922 w 1650792"/>
                <a:gd name="connsiteY74" fmla="*/ 1233989 h 2195035"/>
                <a:gd name="connsiteX75" fmla="*/ -128 w 1650792"/>
                <a:gd name="connsiteY75" fmla="*/ 1175620 h 2195035"/>
                <a:gd name="connsiteX76" fmla="*/ 19388 w 1650792"/>
                <a:gd name="connsiteY76" fmla="*/ 1052036 h 2195035"/>
                <a:gd name="connsiteX77" fmla="*/ 71365 w 1650792"/>
                <a:gd name="connsiteY77" fmla="*/ 1000131 h 2195035"/>
                <a:gd name="connsiteX78" fmla="*/ 195119 w 1650792"/>
                <a:gd name="connsiteY78" fmla="*/ 1052036 h 2195035"/>
                <a:gd name="connsiteX79" fmla="*/ 247096 w 1650792"/>
                <a:gd name="connsiteY79" fmla="*/ 1032548 h 2195035"/>
                <a:gd name="connsiteX80" fmla="*/ 292600 w 1650792"/>
                <a:gd name="connsiteY80" fmla="*/ 1039107 h 2195035"/>
                <a:gd name="connsiteX81" fmla="*/ 312115 w 1650792"/>
                <a:gd name="connsiteY81" fmla="*/ 1078084 h 2195035"/>
                <a:gd name="connsiteX82" fmla="*/ 351146 w 1650792"/>
                <a:gd name="connsiteY82" fmla="*/ 1091012 h 2195035"/>
                <a:gd name="connsiteX83" fmla="*/ 422638 w 1650792"/>
                <a:gd name="connsiteY83" fmla="*/ 1045571 h 2195035"/>
                <a:gd name="connsiteX84" fmla="*/ 468141 w 1650792"/>
                <a:gd name="connsiteY84" fmla="*/ 921988 h 2195035"/>
                <a:gd name="connsiteX85" fmla="*/ 507172 w 1650792"/>
                <a:gd name="connsiteY85" fmla="*/ 889571 h 2195035"/>
                <a:gd name="connsiteX86" fmla="*/ 442153 w 1650792"/>
                <a:gd name="connsiteY86" fmla="*/ 850595 h 2195035"/>
                <a:gd name="connsiteX87" fmla="*/ 422638 w 1650792"/>
                <a:gd name="connsiteY87" fmla="*/ 844035 h 2195035"/>
                <a:gd name="connsiteX88" fmla="*/ 461668 w 1650792"/>
                <a:gd name="connsiteY88" fmla="*/ 772642 h 2195035"/>
                <a:gd name="connsiteX89" fmla="*/ 448626 w 1650792"/>
                <a:gd name="connsiteY89" fmla="*/ 746689 h 2195035"/>
                <a:gd name="connsiteX90" fmla="*/ 474615 w 1650792"/>
                <a:gd name="connsiteY90" fmla="*/ 746689 h 2195035"/>
                <a:gd name="connsiteX91" fmla="*/ 487656 w 1650792"/>
                <a:gd name="connsiteY91" fmla="*/ 694689 h 2195035"/>
                <a:gd name="connsiteX92" fmla="*/ 552675 w 1650792"/>
                <a:gd name="connsiteY92" fmla="*/ 668737 h 2195035"/>
                <a:gd name="connsiteX93" fmla="*/ 539633 w 1650792"/>
                <a:gd name="connsiteY93" fmla="*/ 610272 h 2195035"/>
                <a:gd name="connsiteX94" fmla="*/ 585137 w 1650792"/>
                <a:gd name="connsiteY94" fmla="*/ 532414 h 2195035"/>
                <a:gd name="connsiteX95" fmla="*/ 637209 w 1650792"/>
                <a:gd name="connsiteY95" fmla="*/ 545343 h 2195035"/>
                <a:gd name="connsiteX96" fmla="*/ 669671 w 1650792"/>
                <a:gd name="connsiteY96" fmla="*/ 473950 h 2195035"/>
                <a:gd name="connsiteX97" fmla="*/ 676144 w 1650792"/>
                <a:gd name="connsiteY97" fmla="*/ 467485 h 2195035"/>
                <a:gd name="connsiteX98" fmla="*/ 754110 w 1650792"/>
                <a:gd name="connsiteY98" fmla="*/ 422044 h 2195035"/>
                <a:gd name="connsiteX99" fmla="*/ 767152 w 1650792"/>
                <a:gd name="connsiteY99" fmla="*/ 350556 h 2195035"/>
                <a:gd name="connsiteX100" fmla="*/ 754110 w 1650792"/>
                <a:gd name="connsiteY100" fmla="*/ 272603 h 2195035"/>
                <a:gd name="connsiteX101" fmla="*/ 825697 w 1650792"/>
                <a:gd name="connsiteY101" fmla="*/ 259675 h 2195035"/>
                <a:gd name="connsiteX102" fmla="*/ 838644 w 1650792"/>
                <a:gd name="connsiteY102" fmla="*/ 188281 h 2195035"/>
                <a:gd name="connsiteX103" fmla="*/ 890621 w 1650792"/>
                <a:gd name="connsiteY103" fmla="*/ 214234 h 2195035"/>
                <a:gd name="connsiteX104" fmla="*/ 890621 w 1650792"/>
                <a:gd name="connsiteY104" fmla="*/ 175258 h 2195035"/>
                <a:gd name="connsiteX105" fmla="*/ 929651 w 1650792"/>
                <a:gd name="connsiteY105" fmla="*/ 103864 h 2195035"/>
                <a:gd name="connsiteX106" fmla="*/ 988196 w 1650792"/>
                <a:gd name="connsiteY106" fmla="*/ 32471 h 2195035"/>
                <a:gd name="connsiteX107" fmla="*/ 1020658 w 1650792"/>
                <a:gd name="connsiteY107" fmla="*/ -41 h 2195035"/>
                <a:gd name="connsiteX108" fmla="*/ 1092151 w 1650792"/>
                <a:gd name="connsiteY108" fmla="*/ 64888 h 2195035"/>
                <a:gd name="connsiteX109" fmla="*/ 1066162 w 1650792"/>
                <a:gd name="connsiteY109" fmla="*/ 83901 h 219503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  <a:cxn ang="0">
                  <a:pos x="connsiteX103" y="connsiteY103"/>
                </a:cxn>
                <a:cxn ang="0">
                  <a:pos x="connsiteX104" y="connsiteY104"/>
                </a:cxn>
                <a:cxn ang="0">
                  <a:pos x="connsiteX105" y="connsiteY105"/>
                </a:cxn>
                <a:cxn ang="0">
                  <a:pos x="connsiteX106" y="connsiteY106"/>
                </a:cxn>
                <a:cxn ang="0">
                  <a:pos x="connsiteX107" y="connsiteY107"/>
                </a:cxn>
                <a:cxn ang="0">
                  <a:pos x="connsiteX108" y="connsiteY108"/>
                </a:cxn>
                <a:cxn ang="0">
                  <a:pos x="connsiteX109" y="connsiteY109"/>
                </a:cxn>
              </a:cxnLst>
              <a:rect l="l" t="t" r="r" b="b"/>
              <a:pathLst>
                <a:path w="1650792" h="2195035">
                  <a:moveTo>
                    <a:pt x="1065972" y="84851"/>
                  </a:moveTo>
                  <a:lnTo>
                    <a:pt x="1105002" y="149780"/>
                  </a:lnTo>
                  <a:lnTo>
                    <a:pt x="1124517" y="117268"/>
                  </a:lnTo>
                  <a:lnTo>
                    <a:pt x="1170021" y="123828"/>
                  </a:lnTo>
                  <a:lnTo>
                    <a:pt x="1163547" y="97780"/>
                  </a:lnTo>
                  <a:lnTo>
                    <a:pt x="1202483" y="91316"/>
                  </a:lnTo>
                  <a:lnTo>
                    <a:pt x="1261028" y="84851"/>
                  </a:lnTo>
                  <a:lnTo>
                    <a:pt x="1371551" y="188757"/>
                  </a:lnTo>
                  <a:lnTo>
                    <a:pt x="1371551" y="221173"/>
                  </a:lnTo>
                  <a:lnTo>
                    <a:pt x="1300058" y="253686"/>
                  </a:lnTo>
                  <a:lnTo>
                    <a:pt x="1293490" y="286103"/>
                  </a:lnTo>
                  <a:lnTo>
                    <a:pt x="1378024" y="325079"/>
                  </a:lnTo>
                  <a:lnTo>
                    <a:pt x="1352035" y="364055"/>
                  </a:lnTo>
                  <a:lnTo>
                    <a:pt x="1364982" y="390008"/>
                  </a:lnTo>
                  <a:lnTo>
                    <a:pt x="1384497" y="409496"/>
                  </a:lnTo>
                  <a:lnTo>
                    <a:pt x="1384497" y="467961"/>
                  </a:lnTo>
                  <a:lnTo>
                    <a:pt x="1352035" y="480889"/>
                  </a:lnTo>
                  <a:lnTo>
                    <a:pt x="1345562" y="519866"/>
                  </a:lnTo>
                  <a:lnTo>
                    <a:pt x="1384497" y="649724"/>
                  </a:lnTo>
                  <a:lnTo>
                    <a:pt x="1599069" y="714462"/>
                  </a:lnTo>
                  <a:lnTo>
                    <a:pt x="1618108" y="766463"/>
                  </a:lnTo>
                  <a:lnTo>
                    <a:pt x="1650665" y="772927"/>
                  </a:lnTo>
                  <a:lnTo>
                    <a:pt x="1638099" y="838046"/>
                  </a:lnTo>
                  <a:lnTo>
                    <a:pt x="1560038" y="851070"/>
                  </a:lnTo>
                  <a:lnTo>
                    <a:pt x="1482073" y="922463"/>
                  </a:lnTo>
                  <a:lnTo>
                    <a:pt x="1404012" y="941951"/>
                  </a:lnTo>
                  <a:lnTo>
                    <a:pt x="1436569" y="1026368"/>
                  </a:lnTo>
                  <a:lnTo>
                    <a:pt x="1495020" y="1039392"/>
                  </a:lnTo>
                  <a:lnTo>
                    <a:pt x="1475981" y="1091298"/>
                  </a:lnTo>
                  <a:lnTo>
                    <a:pt x="1553946" y="1201667"/>
                  </a:lnTo>
                  <a:lnTo>
                    <a:pt x="1566988" y="1247203"/>
                  </a:lnTo>
                  <a:lnTo>
                    <a:pt x="1482454" y="1266216"/>
                  </a:lnTo>
                  <a:lnTo>
                    <a:pt x="1430382" y="1305192"/>
                  </a:lnTo>
                  <a:lnTo>
                    <a:pt x="1364887" y="1318501"/>
                  </a:lnTo>
                  <a:lnTo>
                    <a:pt x="1287017" y="1273061"/>
                  </a:lnTo>
                  <a:lnTo>
                    <a:pt x="1208956" y="1292644"/>
                  </a:lnTo>
                  <a:lnTo>
                    <a:pt x="1144032" y="1246823"/>
                  </a:lnTo>
                  <a:lnTo>
                    <a:pt x="1059498" y="1214311"/>
                  </a:lnTo>
                  <a:lnTo>
                    <a:pt x="1033510" y="1259751"/>
                  </a:lnTo>
                  <a:lnTo>
                    <a:pt x="1007521" y="1246823"/>
                  </a:lnTo>
                  <a:lnTo>
                    <a:pt x="890430" y="1265836"/>
                  </a:lnTo>
                  <a:lnTo>
                    <a:pt x="851495" y="1246823"/>
                  </a:lnTo>
                  <a:lnTo>
                    <a:pt x="779908" y="1363657"/>
                  </a:lnTo>
                  <a:lnTo>
                    <a:pt x="740973" y="1370121"/>
                  </a:lnTo>
                  <a:lnTo>
                    <a:pt x="753919" y="1409098"/>
                  </a:lnTo>
                  <a:lnTo>
                    <a:pt x="675954" y="1441515"/>
                  </a:lnTo>
                  <a:lnTo>
                    <a:pt x="675954" y="1474026"/>
                  </a:lnTo>
                  <a:lnTo>
                    <a:pt x="643492" y="1597610"/>
                  </a:lnTo>
                  <a:lnTo>
                    <a:pt x="656439" y="1681932"/>
                  </a:lnTo>
                  <a:lnTo>
                    <a:pt x="643492" y="1759885"/>
                  </a:lnTo>
                  <a:lnTo>
                    <a:pt x="747446" y="1772909"/>
                  </a:lnTo>
                  <a:lnTo>
                    <a:pt x="799423" y="1863790"/>
                  </a:lnTo>
                  <a:lnTo>
                    <a:pt x="805992" y="1889838"/>
                  </a:lnTo>
                  <a:lnTo>
                    <a:pt x="773435" y="1902767"/>
                  </a:lnTo>
                  <a:lnTo>
                    <a:pt x="812465" y="1980624"/>
                  </a:lnTo>
                  <a:lnTo>
                    <a:pt x="786476" y="2052113"/>
                  </a:lnTo>
                  <a:lnTo>
                    <a:pt x="708511" y="2156018"/>
                  </a:lnTo>
                  <a:lnTo>
                    <a:pt x="727550" y="2194994"/>
                  </a:lnTo>
                  <a:lnTo>
                    <a:pt x="578093" y="2194994"/>
                  </a:lnTo>
                  <a:lnTo>
                    <a:pt x="422447" y="2149934"/>
                  </a:lnTo>
                  <a:lnTo>
                    <a:pt x="376944" y="2156493"/>
                  </a:lnTo>
                  <a:lnTo>
                    <a:pt x="201402" y="2072076"/>
                  </a:lnTo>
                  <a:lnTo>
                    <a:pt x="97353" y="1948492"/>
                  </a:lnTo>
                  <a:lnTo>
                    <a:pt x="110395" y="1824909"/>
                  </a:lnTo>
                  <a:lnTo>
                    <a:pt x="103922" y="1805421"/>
                  </a:lnTo>
                  <a:lnTo>
                    <a:pt x="168940" y="1753515"/>
                  </a:lnTo>
                  <a:lnTo>
                    <a:pt x="207876" y="1604169"/>
                  </a:lnTo>
                  <a:lnTo>
                    <a:pt x="194929" y="1565193"/>
                  </a:lnTo>
                  <a:lnTo>
                    <a:pt x="129910" y="1578217"/>
                  </a:lnTo>
                  <a:lnTo>
                    <a:pt x="116868" y="1532681"/>
                  </a:lnTo>
                  <a:lnTo>
                    <a:pt x="155899" y="1435335"/>
                  </a:lnTo>
                  <a:lnTo>
                    <a:pt x="201402" y="1409383"/>
                  </a:lnTo>
                  <a:lnTo>
                    <a:pt x="240433" y="1383430"/>
                  </a:lnTo>
                  <a:lnTo>
                    <a:pt x="285936" y="1266501"/>
                  </a:lnTo>
                  <a:lnTo>
                    <a:pt x="103922" y="1233989"/>
                  </a:lnTo>
                  <a:lnTo>
                    <a:pt x="-128" y="1175620"/>
                  </a:lnTo>
                  <a:lnTo>
                    <a:pt x="19388" y="1052036"/>
                  </a:lnTo>
                  <a:lnTo>
                    <a:pt x="71365" y="1000131"/>
                  </a:lnTo>
                  <a:lnTo>
                    <a:pt x="195119" y="1052036"/>
                  </a:lnTo>
                  <a:lnTo>
                    <a:pt x="247096" y="1032548"/>
                  </a:lnTo>
                  <a:lnTo>
                    <a:pt x="292600" y="1039107"/>
                  </a:lnTo>
                  <a:lnTo>
                    <a:pt x="312115" y="1078084"/>
                  </a:lnTo>
                  <a:lnTo>
                    <a:pt x="351146" y="1091012"/>
                  </a:lnTo>
                  <a:lnTo>
                    <a:pt x="422638" y="1045571"/>
                  </a:lnTo>
                  <a:lnTo>
                    <a:pt x="468141" y="921988"/>
                  </a:lnTo>
                  <a:lnTo>
                    <a:pt x="507172" y="889571"/>
                  </a:lnTo>
                  <a:lnTo>
                    <a:pt x="442153" y="850595"/>
                  </a:lnTo>
                  <a:lnTo>
                    <a:pt x="422638" y="844035"/>
                  </a:lnTo>
                  <a:lnTo>
                    <a:pt x="461668" y="772642"/>
                  </a:lnTo>
                  <a:lnTo>
                    <a:pt x="448626" y="746689"/>
                  </a:lnTo>
                  <a:lnTo>
                    <a:pt x="474615" y="746689"/>
                  </a:lnTo>
                  <a:lnTo>
                    <a:pt x="487656" y="694689"/>
                  </a:lnTo>
                  <a:lnTo>
                    <a:pt x="552675" y="668737"/>
                  </a:lnTo>
                  <a:lnTo>
                    <a:pt x="539633" y="610272"/>
                  </a:lnTo>
                  <a:lnTo>
                    <a:pt x="585137" y="532414"/>
                  </a:lnTo>
                  <a:lnTo>
                    <a:pt x="637209" y="545343"/>
                  </a:lnTo>
                  <a:lnTo>
                    <a:pt x="669671" y="473950"/>
                  </a:lnTo>
                  <a:lnTo>
                    <a:pt x="676144" y="467485"/>
                  </a:lnTo>
                  <a:lnTo>
                    <a:pt x="754110" y="422044"/>
                  </a:lnTo>
                  <a:lnTo>
                    <a:pt x="767152" y="350556"/>
                  </a:lnTo>
                  <a:lnTo>
                    <a:pt x="754110" y="272603"/>
                  </a:lnTo>
                  <a:lnTo>
                    <a:pt x="825697" y="259675"/>
                  </a:lnTo>
                  <a:lnTo>
                    <a:pt x="838644" y="188281"/>
                  </a:lnTo>
                  <a:lnTo>
                    <a:pt x="890621" y="214234"/>
                  </a:lnTo>
                  <a:lnTo>
                    <a:pt x="890621" y="175258"/>
                  </a:lnTo>
                  <a:lnTo>
                    <a:pt x="929651" y="103864"/>
                  </a:lnTo>
                  <a:lnTo>
                    <a:pt x="988196" y="32471"/>
                  </a:lnTo>
                  <a:lnTo>
                    <a:pt x="1020658" y="-41"/>
                  </a:lnTo>
                  <a:lnTo>
                    <a:pt x="1092151" y="64888"/>
                  </a:lnTo>
                  <a:lnTo>
                    <a:pt x="1066162" y="83901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88" name="Freihandform 26887">
              <a:extLst>
                <a:ext uri="{FF2B5EF4-FFF2-40B4-BE49-F238E27FC236}">
                  <a16:creationId xmlns:a16="http://schemas.microsoft.com/office/drawing/2014/main" id="{DFCC7782-FDCF-FFC5-FA22-4EADCCB7D54B}"/>
                </a:ext>
              </a:extLst>
            </p:cNvPr>
            <p:cNvSpPr/>
            <p:nvPr/>
          </p:nvSpPr>
          <p:spPr>
            <a:xfrm>
              <a:off x="3819571" y="1341617"/>
              <a:ext cx="1060101" cy="1259697"/>
            </a:xfrm>
            <a:custGeom>
              <a:avLst/>
              <a:gdLst>
                <a:gd name="connsiteX0" fmla="*/ 513454 w 1060101"/>
                <a:gd name="connsiteY0" fmla="*/ 45590 h 1259697"/>
                <a:gd name="connsiteX1" fmla="*/ 591420 w 1060101"/>
                <a:gd name="connsiteY1" fmla="*/ 104054 h 1259697"/>
                <a:gd name="connsiteX2" fmla="*/ 643492 w 1060101"/>
                <a:gd name="connsiteY2" fmla="*/ 78007 h 1259697"/>
                <a:gd name="connsiteX3" fmla="*/ 630450 w 1060101"/>
                <a:gd name="connsiteY3" fmla="*/ 110519 h 1259697"/>
                <a:gd name="connsiteX4" fmla="*/ 675954 w 1060101"/>
                <a:gd name="connsiteY4" fmla="*/ 123543 h 1259697"/>
                <a:gd name="connsiteX5" fmla="*/ 701942 w 1060101"/>
                <a:gd name="connsiteY5" fmla="*/ 123543 h 1259697"/>
                <a:gd name="connsiteX6" fmla="*/ 734499 w 1060101"/>
                <a:gd name="connsiteY6" fmla="*/ 84566 h 1259697"/>
                <a:gd name="connsiteX7" fmla="*/ 740973 w 1060101"/>
                <a:gd name="connsiteY7" fmla="*/ 84566 h 1259697"/>
                <a:gd name="connsiteX8" fmla="*/ 799518 w 1060101"/>
                <a:gd name="connsiteY8" fmla="*/ 162424 h 1259697"/>
                <a:gd name="connsiteX9" fmla="*/ 871010 w 1060101"/>
                <a:gd name="connsiteY9" fmla="*/ 194936 h 1259697"/>
                <a:gd name="connsiteX10" fmla="*/ 864442 w 1060101"/>
                <a:gd name="connsiteY10" fmla="*/ 220888 h 1259697"/>
                <a:gd name="connsiteX11" fmla="*/ 819033 w 1060101"/>
                <a:gd name="connsiteY11" fmla="*/ 285817 h 1259697"/>
                <a:gd name="connsiteX12" fmla="*/ 799518 w 1060101"/>
                <a:gd name="connsiteY12" fmla="*/ 363770 h 1259697"/>
                <a:gd name="connsiteX13" fmla="*/ 851495 w 1060101"/>
                <a:gd name="connsiteY13" fmla="*/ 402747 h 1259697"/>
                <a:gd name="connsiteX14" fmla="*/ 819033 w 1060101"/>
                <a:gd name="connsiteY14" fmla="*/ 448187 h 1259697"/>
                <a:gd name="connsiteX15" fmla="*/ 831980 w 1060101"/>
                <a:gd name="connsiteY15" fmla="*/ 474140 h 1259697"/>
                <a:gd name="connsiteX16" fmla="*/ 766961 w 1060101"/>
                <a:gd name="connsiteY16" fmla="*/ 506652 h 1259697"/>
                <a:gd name="connsiteX17" fmla="*/ 747922 w 1060101"/>
                <a:gd name="connsiteY17" fmla="*/ 493628 h 1259697"/>
                <a:gd name="connsiteX18" fmla="*/ 708987 w 1060101"/>
                <a:gd name="connsiteY18" fmla="*/ 571581 h 1259697"/>
                <a:gd name="connsiteX19" fmla="*/ 715460 w 1060101"/>
                <a:gd name="connsiteY19" fmla="*/ 584510 h 1259697"/>
                <a:gd name="connsiteX20" fmla="*/ 819509 w 1060101"/>
                <a:gd name="connsiteY20" fmla="*/ 565497 h 1259697"/>
                <a:gd name="connsiteX21" fmla="*/ 851971 w 1060101"/>
                <a:gd name="connsiteY21" fmla="*/ 572056 h 1259697"/>
                <a:gd name="connsiteX22" fmla="*/ 845498 w 1060101"/>
                <a:gd name="connsiteY22" fmla="*/ 610937 h 1259697"/>
                <a:gd name="connsiteX23" fmla="*/ 780479 w 1060101"/>
                <a:gd name="connsiteY23" fmla="*/ 629950 h 1259697"/>
                <a:gd name="connsiteX24" fmla="*/ 812941 w 1060101"/>
                <a:gd name="connsiteY24" fmla="*/ 727391 h 1259697"/>
                <a:gd name="connsiteX25" fmla="*/ 903948 w 1060101"/>
                <a:gd name="connsiteY25" fmla="*/ 746879 h 1259697"/>
                <a:gd name="connsiteX26" fmla="*/ 994955 w 1060101"/>
                <a:gd name="connsiteY26" fmla="*/ 746879 h 1259697"/>
                <a:gd name="connsiteX27" fmla="*/ 994955 w 1060101"/>
                <a:gd name="connsiteY27" fmla="*/ 779296 h 1259697"/>
                <a:gd name="connsiteX28" fmla="*/ 1053501 w 1060101"/>
                <a:gd name="connsiteY28" fmla="*/ 779296 h 1259697"/>
                <a:gd name="connsiteX29" fmla="*/ 1059974 w 1060101"/>
                <a:gd name="connsiteY29" fmla="*/ 857249 h 1259697"/>
                <a:gd name="connsiteX30" fmla="*/ 1001524 w 1060101"/>
                <a:gd name="connsiteY30" fmla="*/ 837761 h 1259697"/>
                <a:gd name="connsiteX31" fmla="*/ 930032 w 1060101"/>
                <a:gd name="connsiteY31" fmla="*/ 889761 h 1259697"/>
                <a:gd name="connsiteX32" fmla="*/ 903948 w 1060101"/>
                <a:gd name="connsiteY32" fmla="*/ 870748 h 1259697"/>
                <a:gd name="connsiteX33" fmla="*/ 864918 w 1060101"/>
                <a:gd name="connsiteY33" fmla="*/ 844796 h 1259697"/>
                <a:gd name="connsiteX34" fmla="*/ 851971 w 1060101"/>
                <a:gd name="connsiteY34" fmla="*/ 851260 h 1259697"/>
                <a:gd name="connsiteX35" fmla="*/ 799994 w 1060101"/>
                <a:gd name="connsiteY35" fmla="*/ 896701 h 1259697"/>
                <a:gd name="connsiteX36" fmla="*/ 689472 w 1060101"/>
                <a:gd name="connsiteY36" fmla="*/ 903165 h 1259697"/>
                <a:gd name="connsiteX37" fmla="*/ 682998 w 1060101"/>
                <a:gd name="connsiteY37" fmla="*/ 935677 h 1259697"/>
                <a:gd name="connsiteX38" fmla="*/ 786952 w 1060101"/>
                <a:gd name="connsiteY38" fmla="*/ 1000606 h 1259697"/>
                <a:gd name="connsiteX39" fmla="*/ 754395 w 1060101"/>
                <a:gd name="connsiteY39" fmla="*/ 1033023 h 1259697"/>
                <a:gd name="connsiteX40" fmla="*/ 760964 w 1060101"/>
                <a:gd name="connsiteY40" fmla="*/ 1059071 h 1259697"/>
                <a:gd name="connsiteX41" fmla="*/ 663483 w 1060101"/>
                <a:gd name="connsiteY41" fmla="*/ 1046047 h 1259697"/>
                <a:gd name="connsiteX42" fmla="*/ 643968 w 1060101"/>
                <a:gd name="connsiteY42" fmla="*/ 1020094 h 1259697"/>
                <a:gd name="connsiteX43" fmla="*/ 578949 w 1060101"/>
                <a:gd name="connsiteY43" fmla="*/ 1104512 h 1259697"/>
                <a:gd name="connsiteX44" fmla="*/ 591896 w 1060101"/>
                <a:gd name="connsiteY44" fmla="*/ 1124000 h 1259697"/>
                <a:gd name="connsiteX45" fmla="*/ 559148 w 1060101"/>
                <a:gd name="connsiteY45" fmla="*/ 1091297 h 1259697"/>
                <a:gd name="connsiteX46" fmla="*/ 539633 w 1060101"/>
                <a:gd name="connsiteY46" fmla="*/ 1110310 h 1259697"/>
                <a:gd name="connsiteX47" fmla="*/ 513454 w 1060101"/>
                <a:gd name="connsiteY47" fmla="*/ 1194728 h 1259697"/>
                <a:gd name="connsiteX48" fmla="*/ 467951 w 1060101"/>
                <a:gd name="connsiteY48" fmla="*/ 1227239 h 1259697"/>
                <a:gd name="connsiteX49" fmla="*/ 448436 w 1060101"/>
                <a:gd name="connsiteY49" fmla="*/ 1259656 h 1259697"/>
                <a:gd name="connsiteX50" fmla="*/ 357428 w 1060101"/>
                <a:gd name="connsiteY50" fmla="*/ 1207751 h 1259697"/>
                <a:gd name="connsiteX51" fmla="*/ 292410 w 1060101"/>
                <a:gd name="connsiteY51" fmla="*/ 1214216 h 1259697"/>
                <a:gd name="connsiteX52" fmla="*/ 279463 w 1060101"/>
                <a:gd name="connsiteY52" fmla="*/ 1175239 h 1259697"/>
                <a:gd name="connsiteX53" fmla="*/ 246906 w 1060101"/>
                <a:gd name="connsiteY53" fmla="*/ 1194728 h 1259697"/>
                <a:gd name="connsiteX54" fmla="*/ 240433 w 1060101"/>
                <a:gd name="connsiteY54" fmla="*/ 1201192 h 1259697"/>
                <a:gd name="connsiteX55" fmla="*/ 201402 w 1060101"/>
                <a:gd name="connsiteY55" fmla="*/ 1168775 h 1259697"/>
                <a:gd name="connsiteX56" fmla="*/ 97448 w 1060101"/>
                <a:gd name="connsiteY56" fmla="*/ 1175239 h 1259697"/>
                <a:gd name="connsiteX57" fmla="*/ 103922 w 1060101"/>
                <a:gd name="connsiteY57" fmla="*/ 1136263 h 1259697"/>
                <a:gd name="connsiteX58" fmla="*/ 110395 w 1060101"/>
                <a:gd name="connsiteY58" fmla="*/ 1038917 h 1259697"/>
                <a:gd name="connsiteX59" fmla="*/ 136384 w 1060101"/>
                <a:gd name="connsiteY59" fmla="*/ 948035 h 1259697"/>
                <a:gd name="connsiteX60" fmla="*/ 110395 w 1060101"/>
                <a:gd name="connsiteY60" fmla="*/ 915524 h 1259697"/>
                <a:gd name="connsiteX61" fmla="*/ 45471 w 1060101"/>
                <a:gd name="connsiteY61" fmla="*/ 876547 h 1259697"/>
                <a:gd name="connsiteX62" fmla="*/ 38903 w 1060101"/>
                <a:gd name="connsiteY62" fmla="*/ 831106 h 1259697"/>
                <a:gd name="connsiteX63" fmla="*/ -128 w 1060101"/>
                <a:gd name="connsiteY63" fmla="*/ 766177 h 1259697"/>
                <a:gd name="connsiteX64" fmla="*/ 6441 w 1060101"/>
                <a:gd name="connsiteY64" fmla="*/ 740225 h 1259697"/>
                <a:gd name="connsiteX65" fmla="*/ 58418 w 1060101"/>
                <a:gd name="connsiteY65" fmla="*/ 727201 h 1259697"/>
                <a:gd name="connsiteX66" fmla="*/ 110395 w 1060101"/>
                <a:gd name="connsiteY66" fmla="*/ 753154 h 1259697"/>
                <a:gd name="connsiteX67" fmla="*/ 149425 w 1060101"/>
                <a:gd name="connsiteY67" fmla="*/ 740225 h 1259697"/>
                <a:gd name="connsiteX68" fmla="*/ 214444 w 1060101"/>
                <a:gd name="connsiteY68" fmla="*/ 733665 h 1259697"/>
                <a:gd name="connsiteX69" fmla="*/ 201402 w 1060101"/>
                <a:gd name="connsiteY69" fmla="*/ 688225 h 1259697"/>
                <a:gd name="connsiteX70" fmla="*/ 214444 w 1060101"/>
                <a:gd name="connsiteY70" fmla="*/ 610272 h 1259697"/>
                <a:gd name="connsiteX71" fmla="*/ 240433 w 1060101"/>
                <a:gd name="connsiteY71" fmla="*/ 597343 h 1259697"/>
                <a:gd name="connsiteX72" fmla="*/ 259948 w 1060101"/>
                <a:gd name="connsiteY72" fmla="*/ 538879 h 1259697"/>
                <a:gd name="connsiteX73" fmla="*/ 259948 w 1060101"/>
                <a:gd name="connsiteY73" fmla="*/ 532414 h 1259697"/>
                <a:gd name="connsiteX74" fmla="*/ 305451 w 1060101"/>
                <a:gd name="connsiteY74" fmla="*/ 538879 h 1259697"/>
                <a:gd name="connsiteX75" fmla="*/ 350955 w 1060101"/>
                <a:gd name="connsiteY75" fmla="*/ 506462 h 1259697"/>
                <a:gd name="connsiteX76" fmla="*/ 376944 w 1060101"/>
                <a:gd name="connsiteY76" fmla="*/ 480509 h 1259697"/>
                <a:gd name="connsiteX77" fmla="*/ 357619 w 1060101"/>
                <a:gd name="connsiteY77" fmla="*/ 435354 h 1259697"/>
                <a:gd name="connsiteX78" fmla="*/ 364092 w 1060101"/>
                <a:gd name="connsiteY78" fmla="*/ 435354 h 1259697"/>
                <a:gd name="connsiteX79" fmla="*/ 364092 w 1060101"/>
                <a:gd name="connsiteY79" fmla="*/ 357496 h 1259697"/>
                <a:gd name="connsiteX80" fmla="*/ 396649 w 1060101"/>
                <a:gd name="connsiteY80" fmla="*/ 312055 h 1259697"/>
                <a:gd name="connsiteX81" fmla="*/ 370661 w 1060101"/>
                <a:gd name="connsiteY81" fmla="*/ 266139 h 1259697"/>
                <a:gd name="connsiteX82" fmla="*/ 338103 w 1060101"/>
                <a:gd name="connsiteY82" fmla="*/ 233722 h 1259697"/>
                <a:gd name="connsiteX83" fmla="*/ 292600 w 1060101"/>
                <a:gd name="connsiteY83" fmla="*/ 155769 h 1259697"/>
                <a:gd name="connsiteX84" fmla="*/ 325157 w 1060101"/>
                <a:gd name="connsiteY84" fmla="*/ 116888 h 1259697"/>
                <a:gd name="connsiteX85" fmla="*/ 318684 w 1060101"/>
                <a:gd name="connsiteY85" fmla="*/ 51864 h 1259697"/>
                <a:gd name="connsiteX86" fmla="*/ 403122 w 1060101"/>
                <a:gd name="connsiteY86" fmla="*/ -41 h 1259697"/>
                <a:gd name="connsiteX87" fmla="*/ 461573 w 1060101"/>
                <a:gd name="connsiteY87" fmla="*/ 32471 h 1259697"/>
                <a:gd name="connsiteX88" fmla="*/ 513454 w 1060101"/>
                <a:gd name="connsiteY88" fmla="*/ 45590 h 125969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</a:cxnLst>
              <a:rect l="l" t="t" r="r" b="b"/>
              <a:pathLst>
                <a:path w="1060101" h="1259697">
                  <a:moveTo>
                    <a:pt x="513454" y="45590"/>
                  </a:moveTo>
                  <a:lnTo>
                    <a:pt x="591420" y="104054"/>
                  </a:lnTo>
                  <a:lnTo>
                    <a:pt x="643492" y="78007"/>
                  </a:lnTo>
                  <a:lnTo>
                    <a:pt x="630450" y="110519"/>
                  </a:lnTo>
                  <a:lnTo>
                    <a:pt x="675954" y="123543"/>
                  </a:lnTo>
                  <a:lnTo>
                    <a:pt x="701942" y="123543"/>
                  </a:lnTo>
                  <a:lnTo>
                    <a:pt x="734499" y="84566"/>
                  </a:lnTo>
                  <a:lnTo>
                    <a:pt x="740973" y="84566"/>
                  </a:lnTo>
                  <a:lnTo>
                    <a:pt x="799518" y="162424"/>
                  </a:lnTo>
                  <a:lnTo>
                    <a:pt x="871010" y="194936"/>
                  </a:lnTo>
                  <a:lnTo>
                    <a:pt x="864442" y="220888"/>
                  </a:lnTo>
                  <a:lnTo>
                    <a:pt x="819033" y="285817"/>
                  </a:lnTo>
                  <a:lnTo>
                    <a:pt x="799518" y="363770"/>
                  </a:lnTo>
                  <a:lnTo>
                    <a:pt x="851495" y="402747"/>
                  </a:lnTo>
                  <a:lnTo>
                    <a:pt x="819033" y="448187"/>
                  </a:lnTo>
                  <a:lnTo>
                    <a:pt x="831980" y="474140"/>
                  </a:lnTo>
                  <a:lnTo>
                    <a:pt x="766961" y="506652"/>
                  </a:lnTo>
                  <a:lnTo>
                    <a:pt x="747922" y="493628"/>
                  </a:lnTo>
                  <a:lnTo>
                    <a:pt x="708987" y="571581"/>
                  </a:lnTo>
                  <a:lnTo>
                    <a:pt x="715460" y="584510"/>
                  </a:lnTo>
                  <a:lnTo>
                    <a:pt x="819509" y="565497"/>
                  </a:lnTo>
                  <a:lnTo>
                    <a:pt x="851971" y="572056"/>
                  </a:lnTo>
                  <a:lnTo>
                    <a:pt x="845498" y="610937"/>
                  </a:lnTo>
                  <a:lnTo>
                    <a:pt x="780479" y="629950"/>
                  </a:lnTo>
                  <a:lnTo>
                    <a:pt x="812941" y="727391"/>
                  </a:lnTo>
                  <a:lnTo>
                    <a:pt x="903948" y="746879"/>
                  </a:lnTo>
                  <a:lnTo>
                    <a:pt x="994955" y="746879"/>
                  </a:lnTo>
                  <a:lnTo>
                    <a:pt x="994955" y="779296"/>
                  </a:lnTo>
                  <a:lnTo>
                    <a:pt x="1053501" y="779296"/>
                  </a:lnTo>
                  <a:lnTo>
                    <a:pt x="1059974" y="857249"/>
                  </a:lnTo>
                  <a:lnTo>
                    <a:pt x="1001524" y="837761"/>
                  </a:lnTo>
                  <a:lnTo>
                    <a:pt x="930032" y="889761"/>
                  </a:lnTo>
                  <a:lnTo>
                    <a:pt x="903948" y="870748"/>
                  </a:lnTo>
                  <a:lnTo>
                    <a:pt x="864918" y="844796"/>
                  </a:lnTo>
                  <a:lnTo>
                    <a:pt x="851971" y="851260"/>
                  </a:lnTo>
                  <a:lnTo>
                    <a:pt x="799994" y="896701"/>
                  </a:lnTo>
                  <a:lnTo>
                    <a:pt x="689472" y="903165"/>
                  </a:lnTo>
                  <a:lnTo>
                    <a:pt x="682998" y="935677"/>
                  </a:lnTo>
                  <a:lnTo>
                    <a:pt x="786952" y="1000606"/>
                  </a:lnTo>
                  <a:lnTo>
                    <a:pt x="754395" y="1033023"/>
                  </a:lnTo>
                  <a:lnTo>
                    <a:pt x="760964" y="1059071"/>
                  </a:lnTo>
                  <a:lnTo>
                    <a:pt x="663483" y="1046047"/>
                  </a:lnTo>
                  <a:lnTo>
                    <a:pt x="643968" y="1020094"/>
                  </a:lnTo>
                  <a:lnTo>
                    <a:pt x="578949" y="1104512"/>
                  </a:lnTo>
                  <a:lnTo>
                    <a:pt x="591896" y="1124000"/>
                  </a:lnTo>
                  <a:lnTo>
                    <a:pt x="559148" y="1091297"/>
                  </a:lnTo>
                  <a:lnTo>
                    <a:pt x="539633" y="1110310"/>
                  </a:lnTo>
                  <a:lnTo>
                    <a:pt x="513454" y="1194728"/>
                  </a:lnTo>
                  <a:lnTo>
                    <a:pt x="467951" y="1227239"/>
                  </a:lnTo>
                  <a:lnTo>
                    <a:pt x="448436" y="1259656"/>
                  </a:lnTo>
                  <a:lnTo>
                    <a:pt x="357428" y="1207751"/>
                  </a:lnTo>
                  <a:lnTo>
                    <a:pt x="292410" y="1214216"/>
                  </a:lnTo>
                  <a:lnTo>
                    <a:pt x="279463" y="1175239"/>
                  </a:lnTo>
                  <a:lnTo>
                    <a:pt x="246906" y="1194728"/>
                  </a:lnTo>
                  <a:lnTo>
                    <a:pt x="240433" y="1201192"/>
                  </a:lnTo>
                  <a:lnTo>
                    <a:pt x="201402" y="1168775"/>
                  </a:lnTo>
                  <a:lnTo>
                    <a:pt x="97448" y="1175239"/>
                  </a:lnTo>
                  <a:lnTo>
                    <a:pt x="103922" y="1136263"/>
                  </a:lnTo>
                  <a:lnTo>
                    <a:pt x="110395" y="1038917"/>
                  </a:lnTo>
                  <a:lnTo>
                    <a:pt x="136384" y="948035"/>
                  </a:lnTo>
                  <a:lnTo>
                    <a:pt x="110395" y="915524"/>
                  </a:lnTo>
                  <a:lnTo>
                    <a:pt x="45471" y="876547"/>
                  </a:lnTo>
                  <a:lnTo>
                    <a:pt x="38903" y="831106"/>
                  </a:lnTo>
                  <a:lnTo>
                    <a:pt x="-128" y="766177"/>
                  </a:lnTo>
                  <a:lnTo>
                    <a:pt x="6441" y="740225"/>
                  </a:lnTo>
                  <a:lnTo>
                    <a:pt x="58418" y="727201"/>
                  </a:lnTo>
                  <a:lnTo>
                    <a:pt x="110395" y="753154"/>
                  </a:lnTo>
                  <a:lnTo>
                    <a:pt x="149425" y="740225"/>
                  </a:lnTo>
                  <a:lnTo>
                    <a:pt x="214444" y="733665"/>
                  </a:lnTo>
                  <a:lnTo>
                    <a:pt x="201402" y="688225"/>
                  </a:lnTo>
                  <a:lnTo>
                    <a:pt x="214444" y="610272"/>
                  </a:lnTo>
                  <a:lnTo>
                    <a:pt x="240433" y="597343"/>
                  </a:lnTo>
                  <a:lnTo>
                    <a:pt x="259948" y="538879"/>
                  </a:lnTo>
                  <a:lnTo>
                    <a:pt x="259948" y="532414"/>
                  </a:lnTo>
                  <a:lnTo>
                    <a:pt x="305451" y="538879"/>
                  </a:lnTo>
                  <a:lnTo>
                    <a:pt x="350955" y="506462"/>
                  </a:lnTo>
                  <a:lnTo>
                    <a:pt x="376944" y="480509"/>
                  </a:lnTo>
                  <a:lnTo>
                    <a:pt x="357619" y="435354"/>
                  </a:lnTo>
                  <a:lnTo>
                    <a:pt x="364092" y="435354"/>
                  </a:lnTo>
                  <a:lnTo>
                    <a:pt x="364092" y="357496"/>
                  </a:lnTo>
                  <a:lnTo>
                    <a:pt x="396649" y="312055"/>
                  </a:lnTo>
                  <a:lnTo>
                    <a:pt x="370661" y="266139"/>
                  </a:lnTo>
                  <a:lnTo>
                    <a:pt x="338103" y="233722"/>
                  </a:lnTo>
                  <a:lnTo>
                    <a:pt x="292600" y="155769"/>
                  </a:lnTo>
                  <a:lnTo>
                    <a:pt x="325157" y="116888"/>
                  </a:lnTo>
                  <a:lnTo>
                    <a:pt x="318684" y="51864"/>
                  </a:lnTo>
                  <a:lnTo>
                    <a:pt x="403122" y="-41"/>
                  </a:lnTo>
                  <a:lnTo>
                    <a:pt x="461573" y="32471"/>
                  </a:lnTo>
                  <a:lnTo>
                    <a:pt x="513454" y="45590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90" name="Freihandform 26889">
              <a:extLst>
                <a:ext uri="{FF2B5EF4-FFF2-40B4-BE49-F238E27FC236}">
                  <a16:creationId xmlns:a16="http://schemas.microsoft.com/office/drawing/2014/main" id="{64E56F4D-583A-FE16-C596-196B46FA76F7}"/>
                </a:ext>
              </a:extLst>
            </p:cNvPr>
            <p:cNvSpPr/>
            <p:nvPr/>
          </p:nvSpPr>
          <p:spPr>
            <a:xfrm>
              <a:off x="4795615" y="2627267"/>
              <a:ext cx="1344451" cy="1818295"/>
            </a:xfrm>
            <a:custGeom>
              <a:avLst/>
              <a:gdLst>
                <a:gd name="connsiteX0" fmla="*/ 467189 w 1344451"/>
                <a:gd name="connsiteY0" fmla="*/ 38935 h 1818295"/>
                <a:gd name="connsiteX1" fmla="*/ 499746 w 1344451"/>
                <a:gd name="connsiteY1" fmla="*/ 103864 h 1818295"/>
                <a:gd name="connsiteX2" fmla="*/ 571238 w 1344451"/>
                <a:gd name="connsiteY2" fmla="*/ 97400 h 1818295"/>
                <a:gd name="connsiteX3" fmla="*/ 551723 w 1344451"/>
                <a:gd name="connsiteY3" fmla="*/ 129912 h 1818295"/>
                <a:gd name="connsiteX4" fmla="*/ 479850 w 1344451"/>
                <a:gd name="connsiteY4" fmla="*/ 155864 h 1818295"/>
                <a:gd name="connsiteX5" fmla="*/ 512312 w 1344451"/>
                <a:gd name="connsiteY5" fmla="*/ 201305 h 1818295"/>
                <a:gd name="connsiteX6" fmla="*/ 577331 w 1344451"/>
                <a:gd name="connsiteY6" fmla="*/ 168793 h 1818295"/>
                <a:gd name="connsiteX7" fmla="*/ 558292 w 1344451"/>
                <a:gd name="connsiteY7" fmla="*/ 233817 h 1818295"/>
                <a:gd name="connsiteX8" fmla="*/ 532303 w 1344451"/>
                <a:gd name="connsiteY8" fmla="*/ 259770 h 1818295"/>
                <a:gd name="connsiteX9" fmla="*/ 538777 w 1344451"/>
                <a:gd name="connsiteY9" fmla="*/ 285722 h 1818295"/>
                <a:gd name="connsiteX10" fmla="*/ 499842 w 1344451"/>
                <a:gd name="connsiteY10" fmla="*/ 272698 h 1818295"/>
                <a:gd name="connsiteX11" fmla="*/ 499842 w 1344451"/>
                <a:gd name="connsiteY11" fmla="*/ 305210 h 1818295"/>
                <a:gd name="connsiteX12" fmla="*/ 545345 w 1344451"/>
                <a:gd name="connsiteY12" fmla="*/ 318139 h 1818295"/>
                <a:gd name="connsiteX13" fmla="*/ 519357 w 1344451"/>
                <a:gd name="connsiteY13" fmla="*/ 370139 h 1818295"/>
                <a:gd name="connsiteX14" fmla="*/ 551818 w 1344451"/>
                <a:gd name="connsiteY14" fmla="*/ 376604 h 1818295"/>
                <a:gd name="connsiteX15" fmla="*/ 564860 w 1344451"/>
                <a:gd name="connsiteY15" fmla="*/ 383163 h 1818295"/>
                <a:gd name="connsiteX16" fmla="*/ 597322 w 1344451"/>
                <a:gd name="connsiteY16" fmla="*/ 461021 h 1818295"/>
                <a:gd name="connsiteX17" fmla="*/ 649299 w 1344451"/>
                <a:gd name="connsiteY17" fmla="*/ 480604 h 1818295"/>
                <a:gd name="connsiteX18" fmla="*/ 675288 w 1344451"/>
                <a:gd name="connsiteY18" fmla="*/ 467580 h 1818295"/>
                <a:gd name="connsiteX19" fmla="*/ 772768 w 1344451"/>
                <a:gd name="connsiteY19" fmla="*/ 467580 h 1818295"/>
                <a:gd name="connsiteX20" fmla="*/ 798757 w 1344451"/>
                <a:gd name="connsiteY20" fmla="*/ 376699 h 1818295"/>
                <a:gd name="connsiteX21" fmla="*/ 837787 w 1344451"/>
                <a:gd name="connsiteY21" fmla="*/ 357211 h 1818295"/>
                <a:gd name="connsiteX22" fmla="*/ 837787 w 1344451"/>
                <a:gd name="connsiteY22" fmla="*/ 422140 h 1818295"/>
                <a:gd name="connsiteX23" fmla="*/ 896237 w 1344451"/>
                <a:gd name="connsiteY23" fmla="*/ 500092 h 1818295"/>
                <a:gd name="connsiteX24" fmla="*/ 870154 w 1344451"/>
                <a:gd name="connsiteY24" fmla="*/ 500092 h 1818295"/>
                <a:gd name="connsiteX25" fmla="*/ 844165 w 1344451"/>
                <a:gd name="connsiteY25" fmla="*/ 578045 h 1818295"/>
                <a:gd name="connsiteX26" fmla="*/ 876722 w 1344451"/>
                <a:gd name="connsiteY26" fmla="*/ 629950 h 1818295"/>
                <a:gd name="connsiteX27" fmla="*/ 844165 w 1344451"/>
                <a:gd name="connsiteY27" fmla="*/ 694879 h 1818295"/>
                <a:gd name="connsiteX28" fmla="*/ 896142 w 1344451"/>
                <a:gd name="connsiteY28" fmla="*/ 720832 h 1818295"/>
                <a:gd name="connsiteX29" fmla="*/ 1006665 w 1344451"/>
                <a:gd name="connsiteY29" fmla="*/ 714367 h 1818295"/>
                <a:gd name="connsiteX30" fmla="*/ 1025704 w 1344451"/>
                <a:gd name="connsiteY30" fmla="*/ 759903 h 1818295"/>
                <a:gd name="connsiteX31" fmla="*/ 1103669 w 1344451"/>
                <a:gd name="connsiteY31" fmla="*/ 798784 h 1818295"/>
                <a:gd name="connsiteX32" fmla="*/ 1142700 w 1344451"/>
                <a:gd name="connsiteY32" fmla="*/ 824737 h 1818295"/>
                <a:gd name="connsiteX33" fmla="*/ 1090722 w 1344451"/>
                <a:gd name="connsiteY33" fmla="*/ 1019524 h 1818295"/>
                <a:gd name="connsiteX34" fmla="*/ 1149268 w 1344451"/>
                <a:gd name="connsiteY34" fmla="*/ 1103941 h 1818295"/>
                <a:gd name="connsiteX35" fmla="*/ 1168307 w 1344451"/>
                <a:gd name="connsiteY35" fmla="*/ 1136453 h 1818295"/>
                <a:gd name="connsiteX36" fmla="*/ 1213811 w 1344451"/>
                <a:gd name="connsiteY36" fmla="*/ 1123429 h 1818295"/>
                <a:gd name="connsiteX37" fmla="*/ 1207337 w 1344451"/>
                <a:gd name="connsiteY37" fmla="*/ 1168870 h 1818295"/>
                <a:gd name="connsiteX38" fmla="*/ 1285398 w 1344451"/>
                <a:gd name="connsiteY38" fmla="*/ 1214406 h 1818295"/>
                <a:gd name="connsiteX39" fmla="*/ 1337375 w 1344451"/>
                <a:gd name="connsiteY39" fmla="*/ 1331240 h 1818295"/>
                <a:gd name="connsiteX40" fmla="*/ 1318336 w 1344451"/>
                <a:gd name="connsiteY40" fmla="*/ 1396169 h 1818295"/>
                <a:gd name="connsiteX41" fmla="*/ 1266359 w 1344451"/>
                <a:gd name="connsiteY41" fmla="*/ 1409098 h 1818295"/>
                <a:gd name="connsiteX42" fmla="*/ 1344324 w 1344451"/>
                <a:gd name="connsiteY42" fmla="*/ 1493514 h 1818295"/>
                <a:gd name="connsiteX43" fmla="*/ 1337851 w 1344451"/>
                <a:gd name="connsiteY43" fmla="*/ 1539050 h 1818295"/>
                <a:gd name="connsiteX44" fmla="*/ 1233802 w 1344451"/>
                <a:gd name="connsiteY44" fmla="*/ 1642956 h 1818295"/>
                <a:gd name="connsiteX45" fmla="*/ 1168783 w 1344451"/>
                <a:gd name="connsiteY45" fmla="*/ 1636396 h 1818295"/>
                <a:gd name="connsiteX46" fmla="*/ 1110333 w 1344451"/>
                <a:gd name="connsiteY46" fmla="*/ 1649420 h 1818295"/>
                <a:gd name="connsiteX47" fmla="*/ 1097291 w 1344451"/>
                <a:gd name="connsiteY47" fmla="*/ 1714349 h 1818295"/>
                <a:gd name="connsiteX48" fmla="*/ 954497 w 1344451"/>
                <a:gd name="connsiteY48" fmla="*/ 1779278 h 1818295"/>
                <a:gd name="connsiteX49" fmla="*/ 935458 w 1344451"/>
                <a:gd name="connsiteY49" fmla="*/ 1818254 h 1818295"/>
                <a:gd name="connsiteX50" fmla="*/ 759917 w 1344451"/>
                <a:gd name="connsiteY50" fmla="*/ 1805230 h 1818295"/>
                <a:gd name="connsiteX51" fmla="*/ 675478 w 1344451"/>
                <a:gd name="connsiteY51" fmla="*/ 1694861 h 1818295"/>
                <a:gd name="connsiteX52" fmla="*/ 701467 w 1344451"/>
                <a:gd name="connsiteY52" fmla="*/ 1662349 h 1818295"/>
                <a:gd name="connsiteX53" fmla="*/ 662436 w 1344451"/>
                <a:gd name="connsiteY53" fmla="*/ 1668908 h 1818295"/>
                <a:gd name="connsiteX54" fmla="*/ 629974 w 1344451"/>
                <a:gd name="connsiteY54" fmla="*/ 1655885 h 1818295"/>
                <a:gd name="connsiteX55" fmla="*/ 564956 w 1344451"/>
                <a:gd name="connsiteY55" fmla="*/ 1714349 h 1818295"/>
                <a:gd name="connsiteX56" fmla="*/ 479850 w 1344451"/>
                <a:gd name="connsiteY56" fmla="*/ 1714349 h 1818295"/>
                <a:gd name="connsiteX57" fmla="*/ 349813 w 1344451"/>
                <a:gd name="connsiteY57" fmla="*/ 1779278 h 1818295"/>
                <a:gd name="connsiteX58" fmla="*/ 246239 w 1344451"/>
                <a:gd name="connsiteY58" fmla="*/ 1792492 h 1818295"/>
                <a:gd name="connsiteX59" fmla="*/ 239671 w 1344451"/>
                <a:gd name="connsiteY59" fmla="*/ 1721194 h 1818295"/>
                <a:gd name="connsiteX60" fmla="*/ 252713 w 1344451"/>
                <a:gd name="connsiteY60" fmla="*/ 1604265 h 1818295"/>
                <a:gd name="connsiteX61" fmla="*/ 135717 w 1344451"/>
                <a:gd name="connsiteY61" fmla="*/ 1480681 h 1818295"/>
                <a:gd name="connsiteX62" fmla="*/ 187694 w 1344451"/>
                <a:gd name="connsiteY62" fmla="*/ 1441705 h 1818295"/>
                <a:gd name="connsiteX63" fmla="*/ 272228 w 1344451"/>
                <a:gd name="connsiteY63" fmla="*/ 1422692 h 1818295"/>
                <a:gd name="connsiteX64" fmla="*/ 259186 w 1344451"/>
                <a:gd name="connsiteY64" fmla="*/ 1377156 h 1818295"/>
                <a:gd name="connsiteX65" fmla="*/ 181221 w 1344451"/>
                <a:gd name="connsiteY65" fmla="*/ 1266786 h 1818295"/>
                <a:gd name="connsiteX66" fmla="*/ 200260 w 1344451"/>
                <a:gd name="connsiteY66" fmla="*/ 1214881 h 1818295"/>
                <a:gd name="connsiteX67" fmla="*/ 141810 w 1344451"/>
                <a:gd name="connsiteY67" fmla="*/ 1201857 h 1818295"/>
                <a:gd name="connsiteX68" fmla="*/ 109253 w 1344451"/>
                <a:gd name="connsiteY68" fmla="*/ 1117440 h 1818295"/>
                <a:gd name="connsiteX69" fmla="*/ 187313 w 1344451"/>
                <a:gd name="connsiteY69" fmla="*/ 1097952 h 1818295"/>
                <a:gd name="connsiteX70" fmla="*/ 265279 w 1344451"/>
                <a:gd name="connsiteY70" fmla="*/ 1026559 h 1818295"/>
                <a:gd name="connsiteX71" fmla="*/ 343339 w 1344451"/>
                <a:gd name="connsiteY71" fmla="*/ 1013535 h 1818295"/>
                <a:gd name="connsiteX72" fmla="*/ 356381 w 1344451"/>
                <a:gd name="connsiteY72" fmla="*/ 948606 h 1818295"/>
                <a:gd name="connsiteX73" fmla="*/ 323824 w 1344451"/>
                <a:gd name="connsiteY73" fmla="*/ 942141 h 1818295"/>
                <a:gd name="connsiteX74" fmla="*/ 304785 w 1344451"/>
                <a:gd name="connsiteY74" fmla="*/ 890141 h 1818295"/>
                <a:gd name="connsiteX75" fmla="*/ 90214 w 1344451"/>
                <a:gd name="connsiteY75" fmla="*/ 825212 h 1818295"/>
                <a:gd name="connsiteX76" fmla="*/ 51469 w 1344451"/>
                <a:gd name="connsiteY76" fmla="*/ 694784 h 1818295"/>
                <a:gd name="connsiteX77" fmla="*/ 57942 w 1344451"/>
                <a:gd name="connsiteY77" fmla="*/ 655808 h 1818295"/>
                <a:gd name="connsiteX78" fmla="*/ 90404 w 1344451"/>
                <a:gd name="connsiteY78" fmla="*/ 642879 h 1818295"/>
                <a:gd name="connsiteX79" fmla="*/ 90404 w 1344451"/>
                <a:gd name="connsiteY79" fmla="*/ 584415 h 1818295"/>
                <a:gd name="connsiteX80" fmla="*/ 71365 w 1344451"/>
                <a:gd name="connsiteY80" fmla="*/ 564926 h 1818295"/>
                <a:gd name="connsiteX81" fmla="*/ 58323 w 1344451"/>
                <a:gd name="connsiteY81" fmla="*/ 538974 h 1818295"/>
                <a:gd name="connsiteX82" fmla="*/ 84311 w 1344451"/>
                <a:gd name="connsiteY82" fmla="*/ 499997 h 1818295"/>
                <a:gd name="connsiteX83" fmla="*/ -128 w 1344451"/>
                <a:gd name="connsiteY83" fmla="*/ 461021 h 1818295"/>
                <a:gd name="connsiteX84" fmla="*/ 6346 w 1344451"/>
                <a:gd name="connsiteY84" fmla="*/ 428604 h 1818295"/>
                <a:gd name="connsiteX85" fmla="*/ 77838 w 1344451"/>
                <a:gd name="connsiteY85" fmla="*/ 396092 h 1818295"/>
                <a:gd name="connsiteX86" fmla="*/ 77838 w 1344451"/>
                <a:gd name="connsiteY86" fmla="*/ 363675 h 1818295"/>
                <a:gd name="connsiteX87" fmla="*/ 162372 w 1344451"/>
                <a:gd name="connsiteY87" fmla="*/ 324699 h 1818295"/>
                <a:gd name="connsiteX88" fmla="*/ 201402 w 1344451"/>
                <a:gd name="connsiteY88" fmla="*/ 175353 h 1818295"/>
                <a:gd name="connsiteX89" fmla="*/ 285841 w 1344451"/>
                <a:gd name="connsiteY89" fmla="*/ 188281 h 1818295"/>
                <a:gd name="connsiteX90" fmla="*/ 324871 w 1344451"/>
                <a:gd name="connsiteY90" fmla="*/ 162329 h 1818295"/>
                <a:gd name="connsiteX91" fmla="*/ 344386 w 1344451"/>
                <a:gd name="connsiteY91" fmla="*/ 77912 h 1818295"/>
                <a:gd name="connsiteX92" fmla="*/ 370375 w 1344451"/>
                <a:gd name="connsiteY92" fmla="*/ 84376 h 1818295"/>
                <a:gd name="connsiteX93" fmla="*/ 389890 w 1344451"/>
                <a:gd name="connsiteY93" fmla="*/ 32471 h 1818295"/>
                <a:gd name="connsiteX94" fmla="*/ 422352 w 1344451"/>
                <a:gd name="connsiteY94" fmla="*/ 45495 h 1818295"/>
                <a:gd name="connsiteX95" fmla="*/ 441867 w 1344451"/>
                <a:gd name="connsiteY95" fmla="*/ 6518 h 1818295"/>
                <a:gd name="connsiteX96" fmla="*/ 487371 w 1344451"/>
                <a:gd name="connsiteY96" fmla="*/ -41 h 1818295"/>
                <a:gd name="connsiteX97" fmla="*/ 467856 w 1344451"/>
                <a:gd name="connsiteY97" fmla="*/ 38935 h 181829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</a:cxnLst>
              <a:rect l="l" t="t" r="r" b="b"/>
              <a:pathLst>
                <a:path w="1344451" h="1818295">
                  <a:moveTo>
                    <a:pt x="467189" y="38935"/>
                  </a:moveTo>
                  <a:lnTo>
                    <a:pt x="499746" y="103864"/>
                  </a:lnTo>
                  <a:lnTo>
                    <a:pt x="571238" y="97400"/>
                  </a:lnTo>
                  <a:lnTo>
                    <a:pt x="551723" y="129912"/>
                  </a:lnTo>
                  <a:lnTo>
                    <a:pt x="479850" y="155864"/>
                  </a:lnTo>
                  <a:lnTo>
                    <a:pt x="512312" y="201305"/>
                  </a:lnTo>
                  <a:lnTo>
                    <a:pt x="577331" y="168793"/>
                  </a:lnTo>
                  <a:lnTo>
                    <a:pt x="558292" y="233817"/>
                  </a:lnTo>
                  <a:lnTo>
                    <a:pt x="532303" y="259770"/>
                  </a:lnTo>
                  <a:lnTo>
                    <a:pt x="538777" y="285722"/>
                  </a:lnTo>
                  <a:lnTo>
                    <a:pt x="499842" y="272698"/>
                  </a:lnTo>
                  <a:lnTo>
                    <a:pt x="499842" y="305210"/>
                  </a:lnTo>
                  <a:lnTo>
                    <a:pt x="545345" y="318139"/>
                  </a:lnTo>
                  <a:lnTo>
                    <a:pt x="519357" y="370139"/>
                  </a:lnTo>
                  <a:lnTo>
                    <a:pt x="551818" y="376604"/>
                  </a:lnTo>
                  <a:lnTo>
                    <a:pt x="564860" y="383163"/>
                  </a:lnTo>
                  <a:lnTo>
                    <a:pt x="597322" y="461021"/>
                  </a:lnTo>
                  <a:lnTo>
                    <a:pt x="649299" y="480604"/>
                  </a:lnTo>
                  <a:lnTo>
                    <a:pt x="675288" y="467580"/>
                  </a:lnTo>
                  <a:lnTo>
                    <a:pt x="772768" y="467580"/>
                  </a:lnTo>
                  <a:lnTo>
                    <a:pt x="798757" y="376699"/>
                  </a:lnTo>
                  <a:lnTo>
                    <a:pt x="837787" y="357211"/>
                  </a:lnTo>
                  <a:lnTo>
                    <a:pt x="837787" y="422140"/>
                  </a:lnTo>
                  <a:lnTo>
                    <a:pt x="896237" y="500092"/>
                  </a:lnTo>
                  <a:lnTo>
                    <a:pt x="870154" y="500092"/>
                  </a:lnTo>
                  <a:lnTo>
                    <a:pt x="844165" y="578045"/>
                  </a:lnTo>
                  <a:lnTo>
                    <a:pt x="876722" y="629950"/>
                  </a:lnTo>
                  <a:lnTo>
                    <a:pt x="844165" y="694879"/>
                  </a:lnTo>
                  <a:lnTo>
                    <a:pt x="896142" y="720832"/>
                  </a:lnTo>
                  <a:lnTo>
                    <a:pt x="1006665" y="714367"/>
                  </a:lnTo>
                  <a:lnTo>
                    <a:pt x="1025704" y="759903"/>
                  </a:lnTo>
                  <a:lnTo>
                    <a:pt x="1103669" y="798784"/>
                  </a:lnTo>
                  <a:lnTo>
                    <a:pt x="1142700" y="824737"/>
                  </a:lnTo>
                  <a:lnTo>
                    <a:pt x="1090722" y="1019524"/>
                  </a:lnTo>
                  <a:lnTo>
                    <a:pt x="1149268" y="1103941"/>
                  </a:lnTo>
                  <a:lnTo>
                    <a:pt x="1168307" y="1136453"/>
                  </a:lnTo>
                  <a:lnTo>
                    <a:pt x="1213811" y="1123429"/>
                  </a:lnTo>
                  <a:lnTo>
                    <a:pt x="1207337" y="1168870"/>
                  </a:lnTo>
                  <a:lnTo>
                    <a:pt x="1285398" y="1214406"/>
                  </a:lnTo>
                  <a:lnTo>
                    <a:pt x="1337375" y="1331240"/>
                  </a:lnTo>
                  <a:lnTo>
                    <a:pt x="1318336" y="1396169"/>
                  </a:lnTo>
                  <a:lnTo>
                    <a:pt x="1266359" y="1409098"/>
                  </a:lnTo>
                  <a:lnTo>
                    <a:pt x="1344324" y="1493514"/>
                  </a:lnTo>
                  <a:lnTo>
                    <a:pt x="1337851" y="1539050"/>
                  </a:lnTo>
                  <a:lnTo>
                    <a:pt x="1233802" y="1642956"/>
                  </a:lnTo>
                  <a:lnTo>
                    <a:pt x="1168783" y="1636396"/>
                  </a:lnTo>
                  <a:lnTo>
                    <a:pt x="1110333" y="1649420"/>
                  </a:lnTo>
                  <a:lnTo>
                    <a:pt x="1097291" y="1714349"/>
                  </a:lnTo>
                  <a:lnTo>
                    <a:pt x="954497" y="1779278"/>
                  </a:lnTo>
                  <a:lnTo>
                    <a:pt x="935458" y="1818254"/>
                  </a:lnTo>
                  <a:lnTo>
                    <a:pt x="759917" y="1805230"/>
                  </a:lnTo>
                  <a:lnTo>
                    <a:pt x="675478" y="1694861"/>
                  </a:lnTo>
                  <a:lnTo>
                    <a:pt x="701467" y="1662349"/>
                  </a:lnTo>
                  <a:lnTo>
                    <a:pt x="662436" y="1668908"/>
                  </a:lnTo>
                  <a:lnTo>
                    <a:pt x="629974" y="1655885"/>
                  </a:lnTo>
                  <a:lnTo>
                    <a:pt x="564956" y="1714349"/>
                  </a:lnTo>
                  <a:lnTo>
                    <a:pt x="479850" y="1714349"/>
                  </a:lnTo>
                  <a:lnTo>
                    <a:pt x="349813" y="1779278"/>
                  </a:lnTo>
                  <a:lnTo>
                    <a:pt x="246239" y="1792492"/>
                  </a:lnTo>
                  <a:lnTo>
                    <a:pt x="239671" y="1721194"/>
                  </a:lnTo>
                  <a:lnTo>
                    <a:pt x="252713" y="1604265"/>
                  </a:lnTo>
                  <a:lnTo>
                    <a:pt x="135717" y="1480681"/>
                  </a:lnTo>
                  <a:lnTo>
                    <a:pt x="187694" y="1441705"/>
                  </a:lnTo>
                  <a:lnTo>
                    <a:pt x="272228" y="1422692"/>
                  </a:lnTo>
                  <a:lnTo>
                    <a:pt x="259186" y="1377156"/>
                  </a:lnTo>
                  <a:lnTo>
                    <a:pt x="181221" y="1266786"/>
                  </a:lnTo>
                  <a:lnTo>
                    <a:pt x="200260" y="1214881"/>
                  </a:lnTo>
                  <a:lnTo>
                    <a:pt x="141810" y="1201857"/>
                  </a:lnTo>
                  <a:lnTo>
                    <a:pt x="109253" y="1117440"/>
                  </a:lnTo>
                  <a:lnTo>
                    <a:pt x="187313" y="1097952"/>
                  </a:lnTo>
                  <a:lnTo>
                    <a:pt x="265279" y="1026559"/>
                  </a:lnTo>
                  <a:lnTo>
                    <a:pt x="343339" y="1013535"/>
                  </a:lnTo>
                  <a:lnTo>
                    <a:pt x="356381" y="948606"/>
                  </a:lnTo>
                  <a:lnTo>
                    <a:pt x="323824" y="942141"/>
                  </a:lnTo>
                  <a:lnTo>
                    <a:pt x="304785" y="890141"/>
                  </a:lnTo>
                  <a:lnTo>
                    <a:pt x="90214" y="825212"/>
                  </a:lnTo>
                  <a:lnTo>
                    <a:pt x="51469" y="694784"/>
                  </a:lnTo>
                  <a:lnTo>
                    <a:pt x="57942" y="655808"/>
                  </a:lnTo>
                  <a:lnTo>
                    <a:pt x="90404" y="642879"/>
                  </a:lnTo>
                  <a:lnTo>
                    <a:pt x="90404" y="584415"/>
                  </a:lnTo>
                  <a:lnTo>
                    <a:pt x="71365" y="564926"/>
                  </a:lnTo>
                  <a:lnTo>
                    <a:pt x="58323" y="538974"/>
                  </a:lnTo>
                  <a:lnTo>
                    <a:pt x="84311" y="499997"/>
                  </a:lnTo>
                  <a:lnTo>
                    <a:pt x="-128" y="461021"/>
                  </a:lnTo>
                  <a:lnTo>
                    <a:pt x="6346" y="428604"/>
                  </a:lnTo>
                  <a:lnTo>
                    <a:pt x="77838" y="396092"/>
                  </a:lnTo>
                  <a:lnTo>
                    <a:pt x="77838" y="363675"/>
                  </a:lnTo>
                  <a:lnTo>
                    <a:pt x="162372" y="324699"/>
                  </a:lnTo>
                  <a:lnTo>
                    <a:pt x="201402" y="175353"/>
                  </a:lnTo>
                  <a:lnTo>
                    <a:pt x="285841" y="188281"/>
                  </a:lnTo>
                  <a:lnTo>
                    <a:pt x="324871" y="162329"/>
                  </a:lnTo>
                  <a:lnTo>
                    <a:pt x="344386" y="77912"/>
                  </a:lnTo>
                  <a:lnTo>
                    <a:pt x="370375" y="84376"/>
                  </a:lnTo>
                  <a:lnTo>
                    <a:pt x="389890" y="32471"/>
                  </a:lnTo>
                  <a:lnTo>
                    <a:pt x="422352" y="45495"/>
                  </a:lnTo>
                  <a:lnTo>
                    <a:pt x="441867" y="6518"/>
                  </a:lnTo>
                  <a:lnTo>
                    <a:pt x="487371" y="-41"/>
                  </a:lnTo>
                  <a:lnTo>
                    <a:pt x="467856" y="38935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92" name="Freihandform 26891">
              <a:extLst>
                <a:ext uri="{FF2B5EF4-FFF2-40B4-BE49-F238E27FC236}">
                  <a16:creationId xmlns:a16="http://schemas.microsoft.com/office/drawing/2014/main" id="{19E45387-AAF2-6A56-A6E2-4CCF31E63CFC}"/>
                </a:ext>
              </a:extLst>
            </p:cNvPr>
            <p:cNvSpPr/>
            <p:nvPr/>
          </p:nvSpPr>
          <p:spPr>
            <a:xfrm>
              <a:off x="5119947" y="1770167"/>
              <a:ext cx="1066099" cy="960720"/>
            </a:xfrm>
            <a:custGeom>
              <a:avLst/>
              <a:gdLst>
                <a:gd name="connsiteX0" fmla="*/ 272894 w 1066099"/>
                <a:gd name="connsiteY0" fmla="*/ 38840 h 960720"/>
                <a:gd name="connsiteX1" fmla="*/ 350955 w 1066099"/>
                <a:gd name="connsiteY1" fmla="*/ 84376 h 960720"/>
                <a:gd name="connsiteX2" fmla="*/ 383417 w 1066099"/>
                <a:gd name="connsiteY2" fmla="*/ 77912 h 960720"/>
                <a:gd name="connsiteX3" fmla="*/ 409405 w 1066099"/>
                <a:gd name="connsiteY3" fmla="*/ 97400 h 960720"/>
                <a:gd name="connsiteX4" fmla="*/ 422447 w 1066099"/>
                <a:gd name="connsiteY4" fmla="*/ 155769 h 960720"/>
                <a:gd name="connsiteX5" fmla="*/ 467951 w 1066099"/>
                <a:gd name="connsiteY5" fmla="*/ 181722 h 960720"/>
                <a:gd name="connsiteX6" fmla="*/ 461382 w 1066099"/>
                <a:gd name="connsiteY6" fmla="*/ 291997 h 960720"/>
                <a:gd name="connsiteX7" fmla="*/ 422447 w 1066099"/>
                <a:gd name="connsiteY7" fmla="*/ 311009 h 960720"/>
                <a:gd name="connsiteX8" fmla="*/ 474424 w 1066099"/>
                <a:gd name="connsiteY8" fmla="*/ 356450 h 960720"/>
                <a:gd name="connsiteX9" fmla="*/ 532970 w 1066099"/>
                <a:gd name="connsiteY9" fmla="*/ 369379 h 960720"/>
                <a:gd name="connsiteX10" fmla="*/ 578473 w 1066099"/>
                <a:gd name="connsiteY10" fmla="*/ 440867 h 960720"/>
                <a:gd name="connsiteX11" fmla="*/ 623977 w 1066099"/>
                <a:gd name="connsiteY11" fmla="*/ 375938 h 960720"/>
                <a:gd name="connsiteX12" fmla="*/ 695469 w 1066099"/>
                <a:gd name="connsiteY12" fmla="*/ 343426 h 960720"/>
                <a:gd name="connsiteX13" fmla="*/ 727931 w 1066099"/>
                <a:gd name="connsiteY13" fmla="*/ 362915 h 960720"/>
                <a:gd name="connsiteX14" fmla="*/ 786477 w 1066099"/>
                <a:gd name="connsiteY14" fmla="*/ 297986 h 960720"/>
                <a:gd name="connsiteX15" fmla="*/ 857968 w 1066099"/>
                <a:gd name="connsiteY15" fmla="*/ 330498 h 960720"/>
                <a:gd name="connsiteX16" fmla="*/ 864441 w 1066099"/>
                <a:gd name="connsiteY16" fmla="*/ 311009 h 960720"/>
                <a:gd name="connsiteX17" fmla="*/ 909945 w 1066099"/>
                <a:gd name="connsiteY17" fmla="*/ 343426 h 960720"/>
                <a:gd name="connsiteX18" fmla="*/ 1000953 w 1066099"/>
                <a:gd name="connsiteY18" fmla="*/ 311009 h 960720"/>
                <a:gd name="connsiteX19" fmla="*/ 1065972 w 1066099"/>
                <a:gd name="connsiteY19" fmla="*/ 336962 h 960720"/>
                <a:gd name="connsiteX20" fmla="*/ 1053025 w 1066099"/>
                <a:gd name="connsiteY20" fmla="*/ 349891 h 960720"/>
                <a:gd name="connsiteX21" fmla="*/ 988006 w 1066099"/>
                <a:gd name="connsiteY21" fmla="*/ 388867 h 960720"/>
                <a:gd name="connsiteX22" fmla="*/ 968491 w 1066099"/>
                <a:gd name="connsiteY22" fmla="*/ 473284 h 960720"/>
                <a:gd name="connsiteX23" fmla="*/ 974964 w 1066099"/>
                <a:gd name="connsiteY23" fmla="*/ 557796 h 960720"/>
                <a:gd name="connsiteX24" fmla="*/ 974964 w 1066099"/>
                <a:gd name="connsiteY24" fmla="*/ 583749 h 960720"/>
                <a:gd name="connsiteX25" fmla="*/ 936124 w 1066099"/>
                <a:gd name="connsiteY25" fmla="*/ 662747 h 960720"/>
                <a:gd name="connsiteX26" fmla="*/ 962113 w 1066099"/>
                <a:gd name="connsiteY26" fmla="*/ 714748 h 960720"/>
                <a:gd name="connsiteX27" fmla="*/ 942598 w 1066099"/>
                <a:gd name="connsiteY27" fmla="*/ 766653 h 960720"/>
                <a:gd name="connsiteX28" fmla="*/ 1001048 w 1066099"/>
                <a:gd name="connsiteY28" fmla="*/ 812093 h 960720"/>
                <a:gd name="connsiteX29" fmla="*/ 968586 w 1066099"/>
                <a:gd name="connsiteY29" fmla="*/ 831106 h 960720"/>
                <a:gd name="connsiteX30" fmla="*/ 903472 w 1066099"/>
                <a:gd name="connsiteY30" fmla="*/ 805344 h 960720"/>
                <a:gd name="connsiteX31" fmla="*/ 831980 w 1066099"/>
                <a:gd name="connsiteY31" fmla="*/ 818273 h 960720"/>
                <a:gd name="connsiteX32" fmla="*/ 805992 w 1066099"/>
                <a:gd name="connsiteY32" fmla="*/ 792320 h 960720"/>
                <a:gd name="connsiteX33" fmla="*/ 825031 w 1066099"/>
                <a:gd name="connsiteY33" fmla="*/ 759903 h 960720"/>
                <a:gd name="connsiteX34" fmla="*/ 760012 w 1066099"/>
                <a:gd name="connsiteY34" fmla="*/ 746879 h 960720"/>
                <a:gd name="connsiteX35" fmla="*/ 760012 w 1066099"/>
                <a:gd name="connsiteY35" fmla="*/ 727391 h 960720"/>
                <a:gd name="connsiteX36" fmla="*/ 707940 w 1066099"/>
                <a:gd name="connsiteY36" fmla="*/ 746879 h 960720"/>
                <a:gd name="connsiteX37" fmla="*/ 675478 w 1066099"/>
                <a:gd name="connsiteY37" fmla="*/ 720927 h 960720"/>
                <a:gd name="connsiteX38" fmla="*/ 610459 w 1066099"/>
                <a:gd name="connsiteY38" fmla="*/ 766367 h 960720"/>
                <a:gd name="connsiteX39" fmla="*/ 590944 w 1066099"/>
                <a:gd name="connsiteY39" fmla="*/ 805344 h 960720"/>
                <a:gd name="connsiteX40" fmla="*/ 571905 w 1066099"/>
                <a:gd name="connsiteY40" fmla="*/ 824357 h 960720"/>
                <a:gd name="connsiteX41" fmla="*/ 500412 w 1066099"/>
                <a:gd name="connsiteY41" fmla="*/ 798404 h 960720"/>
                <a:gd name="connsiteX42" fmla="*/ 474424 w 1066099"/>
                <a:gd name="connsiteY42" fmla="*/ 843845 h 960720"/>
                <a:gd name="connsiteX43" fmla="*/ 396363 w 1066099"/>
                <a:gd name="connsiteY43" fmla="*/ 837285 h 960720"/>
                <a:gd name="connsiteX44" fmla="*/ 402932 w 1066099"/>
                <a:gd name="connsiteY44" fmla="*/ 869798 h 960720"/>
                <a:gd name="connsiteX45" fmla="*/ 376944 w 1066099"/>
                <a:gd name="connsiteY45" fmla="*/ 902310 h 960720"/>
                <a:gd name="connsiteX46" fmla="*/ 298883 w 1066099"/>
                <a:gd name="connsiteY46" fmla="*/ 947750 h 960720"/>
                <a:gd name="connsiteX47" fmla="*/ 285936 w 1066099"/>
                <a:gd name="connsiteY47" fmla="*/ 915238 h 960720"/>
                <a:gd name="connsiteX48" fmla="*/ 246906 w 1066099"/>
                <a:gd name="connsiteY48" fmla="*/ 954215 h 960720"/>
                <a:gd name="connsiteX49" fmla="*/ 175414 w 1066099"/>
                <a:gd name="connsiteY49" fmla="*/ 960679 h 960720"/>
                <a:gd name="connsiteX50" fmla="*/ 142857 w 1066099"/>
                <a:gd name="connsiteY50" fmla="*/ 895750 h 960720"/>
                <a:gd name="connsiteX51" fmla="*/ 162372 w 1066099"/>
                <a:gd name="connsiteY51" fmla="*/ 856774 h 960720"/>
                <a:gd name="connsiteX52" fmla="*/ 116868 w 1066099"/>
                <a:gd name="connsiteY52" fmla="*/ 863333 h 960720"/>
                <a:gd name="connsiteX53" fmla="*/ 175414 w 1066099"/>
                <a:gd name="connsiteY53" fmla="*/ 811333 h 960720"/>
                <a:gd name="connsiteX54" fmla="*/ 64891 w 1066099"/>
                <a:gd name="connsiteY54" fmla="*/ 772357 h 960720"/>
                <a:gd name="connsiteX55" fmla="*/ 97353 w 1066099"/>
                <a:gd name="connsiteY55" fmla="*/ 681475 h 960720"/>
                <a:gd name="connsiteX56" fmla="*/ 142857 w 1066099"/>
                <a:gd name="connsiteY56" fmla="*/ 668451 h 960720"/>
                <a:gd name="connsiteX57" fmla="*/ 194929 w 1066099"/>
                <a:gd name="connsiteY57" fmla="*/ 577665 h 960720"/>
                <a:gd name="connsiteX58" fmla="*/ 155899 w 1066099"/>
                <a:gd name="connsiteY58" fmla="*/ 532129 h 960720"/>
                <a:gd name="connsiteX59" fmla="*/ 155899 w 1066099"/>
                <a:gd name="connsiteY59" fmla="*/ 415580 h 960720"/>
                <a:gd name="connsiteX60" fmla="*/ 71365 w 1066099"/>
                <a:gd name="connsiteY60" fmla="*/ 415580 h 960720"/>
                <a:gd name="connsiteX61" fmla="*/ -128 w 1066099"/>
                <a:gd name="connsiteY61" fmla="*/ 363580 h 960720"/>
                <a:gd name="connsiteX62" fmla="*/ 38903 w 1066099"/>
                <a:gd name="connsiteY62" fmla="*/ 318139 h 960720"/>
                <a:gd name="connsiteX63" fmla="*/ 6346 w 1066099"/>
                <a:gd name="connsiteY63" fmla="*/ 285627 h 960720"/>
                <a:gd name="connsiteX64" fmla="*/ 175414 w 1066099"/>
                <a:gd name="connsiteY64" fmla="*/ 201210 h 960720"/>
                <a:gd name="connsiteX65" fmla="*/ 149425 w 1066099"/>
                <a:gd name="connsiteY65" fmla="*/ 136281 h 960720"/>
                <a:gd name="connsiteX66" fmla="*/ 116868 w 1066099"/>
                <a:gd name="connsiteY66" fmla="*/ 142841 h 960720"/>
                <a:gd name="connsiteX67" fmla="*/ 129910 w 1066099"/>
                <a:gd name="connsiteY67" fmla="*/ 58423 h 960720"/>
                <a:gd name="connsiteX68" fmla="*/ 227391 w 1066099"/>
                <a:gd name="connsiteY68" fmla="*/ -41 h 960720"/>
                <a:gd name="connsiteX69" fmla="*/ 272894 w 1066099"/>
                <a:gd name="connsiteY69" fmla="*/ 38840 h 96072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</a:cxnLst>
              <a:rect l="l" t="t" r="r" b="b"/>
              <a:pathLst>
                <a:path w="1066099" h="960720">
                  <a:moveTo>
                    <a:pt x="272894" y="38840"/>
                  </a:moveTo>
                  <a:lnTo>
                    <a:pt x="350955" y="84376"/>
                  </a:lnTo>
                  <a:lnTo>
                    <a:pt x="383417" y="77912"/>
                  </a:lnTo>
                  <a:lnTo>
                    <a:pt x="409405" y="97400"/>
                  </a:lnTo>
                  <a:lnTo>
                    <a:pt x="422447" y="155769"/>
                  </a:lnTo>
                  <a:lnTo>
                    <a:pt x="467951" y="181722"/>
                  </a:lnTo>
                  <a:lnTo>
                    <a:pt x="461382" y="291997"/>
                  </a:lnTo>
                  <a:lnTo>
                    <a:pt x="422447" y="311009"/>
                  </a:lnTo>
                  <a:lnTo>
                    <a:pt x="474424" y="356450"/>
                  </a:lnTo>
                  <a:lnTo>
                    <a:pt x="532970" y="369379"/>
                  </a:lnTo>
                  <a:lnTo>
                    <a:pt x="578473" y="440867"/>
                  </a:lnTo>
                  <a:lnTo>
                    <a:pt x="623977" y="375938"/>
                  </a:lnTo>
                  <a:lnTo>
                    <a:pt x="695469" y="343426"/>
                  </a:lnTo>
                  <a:lnTo>
                    <a:pt x="727931" y="362915"/>
                  </a:lnTo>
                  <a:lnTo>
                    <a:pt x="786477" y="297986"/>
                  </a:lnTo>
                  <a:lnTo>
                    <a:pt x="857968" y="330498"/>
                  </a:lnTo>
                  <a:lnTo>
                    <a:pt x="864441" y="311009"/>
                  </a:lnTo>
                  <a:lnTo>
                    <a:pt x="909945" y="343426"/>
                  </a:lnTo>
                  <a:lnTo>
                    <a:pt x="1000953" y="311009"/>
                  </a:lnTo>
                  <a:lnTo>
                    <a:pt x="1065972" y="336962"/>
                  </a:lnTo>
                  <a:lnTo>
                    <a:pt x="1053025" y="349891"/>
                  </a:lnTo>
                  <a:lnTo>
                    <a:pt x="988006" y="388867"/>
                  </a:lnTo>
                  <a:lnTo>
                    <a:pt x="968491" y="473284"/>
                  </a:lnTo>
                  <a:lnTo>
                    <a:pt x="974964" y="557796"/>
                  </a:lnTo>
                  <a:lnTo>
                    <a:pt x="974964" y="583749"/>
                  </a:lnTo>
                  <a:lnTo>
                    <a:pt x="936124" y="662747"/>
                  </a:lnTo>
                  <a:lnTo>
                    <a:pt x="962113" y="714748"/>
                  </a:lnTo>
                  <a:lnTo>
                    <a:pt x="942598" y="766653"/>
                  </a:lnTo>
                  <a:lnTo>
                    <a:pt x="1001048" y="812093"/>
                  </a:lnTo>
                  <a:lnTo>
                    <a:pt x="968586" y="831106"/>
                  </a:lnTo>
                  <a:lnTo>
                    <a:pt x="903472" y="805344"/>
                  </a:lnTo>
                  <a:lnTo>
                    <a:pt x="831980" y="818273"/>
                  </a:lnTo>
                  <a:lnTo>
                    <a:pt x="805992" y="792320"/>
                  </a:lnTo>
                  <a:lnTo>
                    <a:pt x="825031" y="759903"/>
                  </a:lnTo>
                  <a:lnTo>
                    <a:pt x="760012" y="746879"/>
                  </a:lnTo>
                  <a:lnTo>
                    <a:pt x="760012" y="727391"/>
                  </a:lnTo>
                  <a:lnTo>
                    <a:pt x="707940" y="746879"/>
                  </a:lnTo>
                  <a:lnTo>
                    <a:pt x="675478" y="720927"/>
                  </a:lnTo>
                  <a:lnTo>
                    <a:pt x="610459" y="766367"/>
                  </a:lnTo>
                  <a:lnTo>
                    <a:pt x="590944" y="805344"/>
                  </a:lnTo>
                  <a:lnTo>
                    <a:pt x="571905" y="824357"/>
                  </a:lnTo>
                  <a:lnTo>
                    <a:pt x="500412" y="798404"/>
                  </a:lnTo>
                  <a:lnTo>
                    <a:pt x="474424" y="843845"/>
                  </a:lnTo>
                  <a:lnTo>
                    <a:pt x="396363" y="837285"/>
                  </a:lnTo>
                  <a:lnTo>
                    <a:pt x="402932" y="869798"/>
                  </a:lnTo>
                  <a:lnTo>
                    <a:pt x="376944" y="902310"/>
                  </a:lnTo>
                  <a:lnTo>
                    <a:pt x="298883" y="947750"/>
                  </a:lnTo>
                  <a:lnTo>
                    <a:pt x="285936" y="915238"/>
                  </a:lnTo>
                  <a:lnTo>
                    <a:pt x="246906" y="954215"/>
                  </a:lnTo>
                  <a:lnTo>
                    <a:pt x="175414" y="960679"/>
                  </a:lnTo>
                  <a:lnTo>
                    <a:pt x="142857" y="895750"/>
                  </a:lnTo>
                  <a:lnTo>
                    <a:pt x="162372" y="856774"/>
                  </a:lnTo>
                  <a:lnTo>
                    <a:pt x="116868" y="863333"/>
                  </a:lnTo>
                  <a:lnTo>
                    <a:pt x="175414" y="811333"/>
                  </a:lnTo>
                  <a:lnTo>
                    <a:pt x="64891" y="772357"/>
                  </a:lnTo>
                  <a:lnTo>
                    <a:pt x="97353" y="681475"/>
                  </a:lnTo>
                  <a:lnTo>
                    <a:pt x="142857" y="668451"/>
                  </a:lnTo>
                  <a:lnTo>
                    <a:pt x="194929" y="577665"/>
                  </a:lnTo>
                  <a:lnTo>
                    <a:pt x="155899" y="532129"/>
                  </a:lnTo>
                  <a:lnTo>
                    <a:pt x="155899" y="415580"/>
                  </a:lnTo>
                  <a:lnTo>
                    <a:pt x="71365" y="415580"/>
                  </a:lnTo>
                  <a:lnTo>
                    <a:pt x="-128" y="363580"/>
                  </a:lnTo>
                  <a:lnTo>
                    <a:pt x="38903" y="318139"/>
                  </a:lnTo>
                  <a:lnTo>
                    <a:pt x="6346" y="285627"/>
                  </a:lnTo>
                  <a:lnTo>
                    <a:pt x="175414" y="201210"/>
                  </a:lnTo>
                  <a:lnTo>
                    <a:pt x="149425" y="136281"/>
                  </a:lnTo>
                  <a:lnTo>
                    <a:pt x="116868" y="142841"/>
                  </a:lnTo>
                  <a:lnTo>
                    <a:pt x="129910" y="58423"/>
                  </a:lnTo>
                  <a:lnTo>
                    <a:pt x="227391" y="-41"/>
                  </a:lnTo>
                  <a:lnTo>
                    <a:pt x="272894" y="38840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94" name="Freihandform 26893">
              <a:extLst>
                <a:ext uri="{FF2B5EF4-FFF2-40B4-BE49-F238E27FC236}">
                  <a16:creationId xmlns:a16="http://schemas.microsoft.com/office/drawing/2014/main" id="{205D49CA-8505-55A6-FC4C-61BB0DC1676A}"/>
                </a:ext>
              </a:extLst>
            </p:cNvPr>
            <p:cNvSpPr/>
            <p:nvPr/>
          </p:nvSpPr>
          <p:spPr>
            <a:xfrm>
              <a:off x="5880562" y="1400272"/>
              <a:ext cx="1468301" cy="999791"/>
            </a:xfrm>
            <a:custGeom>
              <a:avLst/>
              <a:gdLst>
                <a:gd name="connsiteX0" fmla="*/ 1352036 w 1468301"/>
                <a:gd name="connsiteY0" fmla="*/ 32186 h 999791"/>
                <a:gd name="connsiteX1" fmla="*/ 1273975 w 1468301"/>
                <a:gd name="connsiteY1" fmla="*/ 129532 h 999791"/>
                <a:gd name="connsiteX2" fmla="*/ 1319478 w 1468301"/>
                <a:gd name="connsiteY2" fmla="*/ 103484 h 999791"/>
                <a:gd name="connsiteX3" fmla="*/ 1371551 w 1468301"/>
                <a:gd name="connsiteY3" fmla="*/ 116508 h 999791"/>
                <a:gd name="connsiteX4" fmla="*/ 1390590 w 1468301"/>
                <a:gd name="connsiteY4" fmla="*/ 168413 h 999791"/>
                <a:gd name="connsiteX5" fmla="*/ 1351654 w 1468301"/>
                <a:gd name="connsiteY5" fmla="*/ 337247 h 999791"/>
                <a:gd name="connsiteX6" fmla="*/ 1345086 w 1468301"/>
                <a:gd name="connsiteY6" fmla="*/ 369759 h 999791"/>
                <a:gd name="connsiteX7" fmla="*/ 1436093 w 1468301"/>
                <a:gd name="connsiteY7" fmla="*/ 363295 h 999791"/>
                <a:gd name="connsiteX8" fmla="*/ 1449135 w 1468301"/>
                <a:gd name="connsiteY8" fmla="*/ 460641 h 999791"/>
                <a:gd name="connsiteX9" fmla="*/ 1468174 w 1468301"/>
                <a:gd name="connsiteY9" fmla="*/ 616546 h 999791"/>
                <a:gd name="connsiteX10" fmla="*/ 1416102 w 1468301"/>
                <a:gd name="connsiteY10" fmla="*/ 655428 h 999791"/>
                <a:gd name="connsiteX11" fmla="*/ 1429144 w 1468301"/>
                <a:gd name="connsiteY11" fmla="*/ 694404 h 999791"/>
                <a:gd name="connsiteX12" fmla="*/ 1370694 w 1468301"/>
                <a:gd name="connsiteY12" fmla="*/ 752869 h 999791"/>
                <a:gd name="connsiteX13" fmla="*/ 1429144 w 1468301"/>
                <a:gd name="connsiteY13" fmla="*/ 830821 h 999791"/>
                <a:gd name="connsiteX14" fmla="*/ 1390114 w 1468301"/>
                <a:gd name="connsiteY14" fmla="*/ 804869 h 999791"/>
                <a:gd name="connsiteX15" fmla="*/ 1338137 w 1468301"/>
                <a:gd name="connsiteY15" fmla="*/ 713892 h 999791"/>
                <a:gd name="connsiteX16" fmla="*/ 1227614 w 1468301"/>
                <a:gd name="connsiteY16" fmla="*/ 726916 h 999791"/>
                <a:gd name="connsiteX17" fmla="*/ 1208099 w 1468301"/>
                <a:gd name="connsiteY17" fmla="*/ 707903 h 999791"/>
                <a:gd name="connsiteX18" fmla="*/ 1136607 w 1468301"/>
                <a:gd name="connsiteY18" fmla="*/ 740320 h 999791"/>
                <a:gd name="connsiteX19" fmla="*/ 1136607 w 1468301"/>
                <a:gd name="connsiteY19" fmla="*/ 785476 h 999791"/>
                <a:gd name="connsiteX20" fmla="*/ 1097577 w 1468301"/>
                <a:gd name="connsiteY20" fmla="*/ 856869 h 999791"/>
                <a:gd name="connsiteX21" fmla="*/ 922130 w 1468301"/>
                <a:gd name="connsiteY21" fmla="*/ 915333 h 999791"/>
                <a:gd name="connsiteX22" fmla="*/ 903091 w 1468301"/>
                <a:gd name="connsiteY22" fmla="*/ 921798 h 999791"/>
                <a:gd name="connsiteX23" fmla="*/ 851400 w 1468301"/>
                <a:gd name="connsiteY23" fmla="*/ 941286 h 999791"/>
                <a:gd name="connsiteX24" fmla="*/ 786381 w 1468301"/>
                <a:gd name="connsiteY24" fmla="*/ 915333 h 999791"/>
                <a:gd name="connsiteX25" fmla="*/ 767342 w 1468301"/>
                <a:gd name="connsiteY25" fmla="*/ 973703 h 999791"/>
                <a:gd name="connsiteX26" fmla="*/ 721838 w 1468301"/>
                <a:gd name="connsiteY26" fmla="*/ 999751 h 999791"/>
                <a:gd name="connsiteX27" fmla="*/ 610935 w 1468301"/>
                <a:gd name="connsiteY27" fmla="*/ 928072 h 999791"/>
                <a:gd name="connsiteX28" fmla="*/ 558958 w 1468301"/>
                <a:gd name="connsiteY28" fmla="*/ 876072 h 999791"/>
                <a:gd name="connsiteX29" fmla="*/ 467951 w 1468301"/>
                <a:gd name="connsiteY29" fmla="*/ 759143 h 999791"/>
                <a:gd name="connsiteX30" fmla="*/ 402932 w 1468301"/>
                <a:gd name="connsiteY30" fmla="*/ 726726 h 999791"/>
                <a:gd name="connsiteX31" fmla="*/ 305356 w 1468301"/>
                <a:gd name="connsiteY31" fmla="*/ 707713 h 999791"/>
                <a:gd name="connsiteX32" fmla="*/ 240337 w 1468301"/>
                <a:gd name="connsiteY32" fmla="*/ 681760 h 999791"/>
                <a:gd name="connsiteX33" fmla="*/ 149330 w 1468301"/>
                <a:gd name="connsiteY33" fmla="*/ 714177 h 999791"/>
                <a:gd name="connsiteX34" fmla="*/ 103826 w 1468301"/>
                <a:gd name="connsiteY34" fmla="*/ 681760 h 999791"/>
                <a:gd name="connsiteX35" fmla="*/ 97353 w 1468301"/>
                <a:gd name="connsiteY35" fmla="*/ 701249 h 999791"/>
                <a:gd name="connsiteX36" fmla="*/ 25861 w 1468301"/>
                <a:gd name="connsiteY36" fmla="*/ 668737 h 999791"/>
                <a:gd name="connsiteX37" fmla="*/ -128 w 1468301"/>
                <a:gd name="connsiteY37" fmla="*/ 655713 h 999791"/>
                <a:gd name="connsiteX38" fmla="*/ 12819 w 1468301"/>
                <a:gd name="connsiteY38" fmla="*/ 636700 h 999791"/>
                <a:gd name="connsiteX39" fmla="*/ 19293 w 1468301"/>
                <a:gd name="connsiteY39" fmla="*/ 513116 h 999791"/>
                <a:gd name="connsiteX40" fmla="*/ 58323 w 1468301"/>
                <a:gd name="connsiteY40" fmla="*/ 487069 h 999791"/>
                <a:gd name="connsiteX41" fmla="*/ 45376 w 1468301"/>
                <a:gd name="connsiteY41" fmla="*/ 461116 h 999791"/>
                <a:gd name="connsiteX42" fmla="*/ 103826 w 1468301"/>
                <a:gd name="connsiteY42" fmla="*/ 493628 h 999791"/>
                <a:gd name="connsiteX43" fmla="*/ 201402 w 1468301"/>
                <a:gd name="connsiteY43" fmla="*/ 467676 h 999791"/>
                <a:gd name="connsiteX44" fmla="*/ 201402 w 1468301"/>
                <a:gd name="connsiteY44" fmla="*/ 428699 h 999791"/>
                <a:gd name="connsiteX45" fmla="*/ 149330 w 1468301"/>
                <a:gd name="connsiteY45" fmla="*/ 435163 h 999791"/>
                <a:gd name="connsiteX46" fmla="*/ 168369 w 1468301"/>
                <a:gd name="connsiteY46" fmla="*/ 376699 h 999791"/>
                <a:gd name="connsiteX47" fmla="*/ 194453 w 1468301"/>
                <a:gd name="connsiteY47" fmla="*/ 370235 h 999791"/>
                <a:gd name="connsiteX48" fmla="*/ 291933 w 1468301"/>
                <a:gd name="connsiteY48" fmla="*/ 415675 h 999791"/>
                <a:gd name="connsiteX49" fmla="*/ 376467 w 1468301"/>
                <a:gd name="connsiteY49" fmla="*/ 383258 h 999791"/>
                <a:gd name="connsiteX50" fmla="*/ 402456 w 1468301"/>
                <a:gd name="connsiteY50" fmla="*/ 396187 h 999791"/>
                <a:gd name="connsiteX51" fmla="*/ 428445 w 1468301"/>
                <a:gd name="connsiteY51" fmla="*/ 415675 h 999791"/>
                <a:gd name="connsiteX52" fmla="*/ 428445 w 1468301"/>
                <a:gd name="connsiteY52" fmla="*/ 454652 h 999791"/>
                <a:gd name="connsiteX53" fmla="*/ 454433 w 1468301"/>
                <a:gd name="connsiteY53" fmla="*/ 480604 h 999791"/>
                <a:gd name="connsiteX54" fmla="*/ 480422 w 1468301"/>
                <a:gd name="connsiteY54" fmla="*/ 454652 h 999791"/>
                <a:gd name="connsiteX55" fmla="*/ 525925 w 1468301"/>
                <a:gd name="connsiteY55" fmla="*/ 461116 h 999791"/>
                <a:gd name="connsiteX56" fmla="*/ 519452 w 1468301"/>
                <a:gd name="connsiteY56" fmla="*/ 422235 h 999791"/>
                <a:gd name="connsiteX57" fmla="*/ 571429 w 1468301"/>
                <a:gd name="connsiteY57" fmla="*/ 422235 h 999791"/>
                <a:gd name="connsiteX58" fmla="*/ 571429 w 1468301"/>
                <a:gd name="connsiteY58" fmla="*/ 331258 h 999791"/>
                <a:gd name="connsiteX59" fmla="*/ 597513 w 1468301"/>
                <a:gd name="connsiteY59" fmla="*/ 324794 h 999791"/>
                <a:gd name="connsiteX60" fmla="*/ 688425 w 1468301"/>
                <a:gd name="connsiteY60" fmla="*/ 435163 h 999791"/>
                <a:gd name="connsiteX61" fmla="*/ 688425 w 1468301"/>
                <a:gd name="connsiteY61" fmla="*/ 428699 h 999791"/>
                <a:gd name="connsiteX62" fmla="*/ 766485 w 1468301"/>
                <a:gd name="connsiteY62" fmla="*/ 324794 h 999791"/>
                <a:gd name="connsiteX63" fmla="*/ 831504 w 1468301"/>
                <a:gd name="connsiteY63" fmla="*/ 350746 h 999791"/>
                <a:gd name="connsiteX64" fmla="*/ 850543 w 1468301"/>
                <a:gd name="connsiteY64" fmla="*/ 318329 h 999791"/>
                <a:gd name="connsiteX65" fmla="*/ 896142 w 1468301"/>
                <a:gd name="connsiteY65" fmla="*/ 344282 h 999791"/>
                <a:gd name="connsiteX66" fmla="*/ 896142 w 1468301"/>
                <a:gd name="connsiteY66" fmla="*/ 311770 h 999791"/>
                <a:gd name="connsiteX67" fmla="*/ 935077 w 1468301"/>
                <a:gd name="connsiteY67" fmla="*/ 305306 h 999791"/>
                <a:gd name="connsiteX68" fmla="*/ 961066 w 1468301"/>
                <a:gd name="connsiteY68" fmla="*/ 331258 h 999791"/>
                <a:gd name="connsiteX69" fmla="*/ 1026084 w 1468301"/>
                <a:gd name="connsiteY69" fmla="*/ 220888 h 999791"/>
                <a:gd name="connsiteX70" fmla="*/ 1065115 w 1468301"/>
                <a:gd name="connsiteY70" fmla="*/ 227353 h 999791"/>
                <a:gd name="connsiteX71" fmla="*/ 1078157 w 1468301"/>
                <a:gd name="connsiteY71" fmla="*/ 175448 h 999791"/>
                <a:gd name="connsiteX72" fmla="*/ 1104145 w 1468301"/>
                <a:gd name="connsiteY72" fmla="*/ 201400 h 999791"/>
                <a:gd name="connsiteX73" fmla="*/ 1201626 w 1468301"/>
                <a:gd name="connsiteY73" fmla="*/ 77817 h 999791"/>
                <a:gd name="connsiteX74" fmla="*/ 1305675 w 1468301"/>
                <a:gd name="connsiteY74" fmla="*/ 45400 h 999791"/>
                <a:gd name="connsiteX75" fmla="*/ 1299107 w 1468301"/>
                <a:gd name="connsiteY75" fmla="*/ -41 h 999791"/>
                <a:gd name="connsiteX76" fmla="*/ 1351179 w 1468301"/>
                <a:gd name="connsiteY76" fmla="*/ 32376 h 999791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</a:cxnLst>
              <a:rect l="l" t="t" r="r" b="b"/>
              <a:pathLst>
                <a:path w="1468301" h="999791">
                  <a:moveTo>
                    <a:pt x="1352036" y="32186"/>
                  </a:moveTo>
                  <a:lnTo>
                    <a:pt x="1273975" y="129532"/>
                  </a:lnTo>
                  <a:lnTo>
                    <a:pt x="1319478" y="103484"/>
                  </a:lnTo>
                  <a:lnTo>
                    <a:pt x="1371551" y="116508"/>
                  </a:lnTo>
                  <a:lnTo>
                    <a:pt x="1390590" y="168413"/>
                  </a:lnTo>
                  <a:lnTo>
                    <a:pt x="1351654" y="337247"/>
                  </a:lnTo>
                  <a:lnTo>
                    <a:pt x="1345086" y="369759"/>
                  </a:lnTo>
                  <a:lnTo>
                    <a:pt x="1436093" y="363295"/>
                  </a:lnTo>
                  <a:lnTo>
                    <a:pt x="1449135" y="460641"/>
                  </a:lnTo>
                  <a:lnTo>
                    <a:pt x="1468174" y="616546"/>
                  </a:lnTo>
                  <a:lnTo>
                    <a:pt x="1416102" y="655428"/>
                  </a:lnTo>
                  <a:lnTo>
                    <a:pt x="1429144" y="694404"/>
                  </a:lnTo>
                  <a:lnTo>
                    <a:pt x="1370694" y="752869"/>
                  </a:lnTo>
                  <a:lnTo>
                    <a:pt x="1429144" y="830821"/>
                  </a:lnTo>
                  <a:lnTo>
                    <a:pt x="1390114" y="804869"/>
                  </a:lnTo>
                  <a:lnTo>
                    <a:pt x="1338137" y="713892"/>
                  </a:lnTo>
                  <a:lnTo>
                    <a:pt x="1227614" y="726916"/>
                  </a:lnTo>
                  <a:lnTo>
                    <a:pt x="1208099" y="707903"/>
                  </a:lnTo>
                  <a:lnTo>
                    <a:pt x="1136607" y="740320"/>
                  </a:lnTo>
                  <a:lnTo>
                    <a:pt x="1136607" y="785476"/>
                  </a:lnTo>
                  <a:lnTo>
                    <a:pt x="1097577" y="856869"/>
                  </a:lnTo>
                  <a:lnTo>
                    <a:pt x="922130" y="915333"/>
                  </a:lnTo>
                  <a:lnTo>
                    <a:pt x="903091" y="921798"/>
                  </a:lnTo>
                  <a:lnTo>
                    <a:pt x="851400" y="941286"/>
                  </a:lnTo>
                  <a:lnTo>
                    <a:pt x="786381" y="915333"/>
                  </a:lnTo>
                  <a:lnTo>
                    <a:pt x="767342" y="973703"/>
                  </a:lnTo>
                  <a:lnTo>
                    <a:pt x="721838" y="999751"/>
                  </a:lnTo>
                  <a:lnTo>
                    <a:pt x="610935" y="928072"/>
                  </a:lnTo>
                  <a:lnTo>
                    <a:pt x="558958" y="876072"/>
                  </a:lnTo>
                  <a:lnTo>
                    <a:pt x="467951" y="759143"/>
                  </a:lnTo>
                  <a:lnTo>
                    <a:pt x="402932" y="726726"/>
                  </a:lnTo>
                  <a:lnTo>
                    <a:pt x="305356" y="707713"/>
                  </a:lnTo>
                  <a:lnTo>
                    <a:pt x="240337" y="681760"/>
                  </a:lnTo>
                  <a:lnTo>
                    <a:pt x="149330" y="714177"/>
                  </a:lnTo>
                  <a:lnTo>
                    <a:pt x="103826" y="681760"/>
                  </a:lnTo>
                  <a:lnTo>
                    <a:pt x="97353" y="701249"/>
                  </a:lnTo>
                  <a:lnTo>
                    <a:pt x="25861" y="668737"/>
                  </a:lnTo>
                  <a:lnTo>
                    <a:pt x="-128" y="655713"/>
                  </a:lnTo>
                  <a:lnTo>
                    <a:pt x="12819" y="636700"/>
                  </a:lnTo>
                  <a:lnTo>
                    <a:pt x="19293" y="513116"/>
                  </a:lnTo>
                  <a:lnTo>
                    <a:pt x="58323" y="487069"/>
                  </a:lnTo>
                  <a:lnTo>
                    <a:pt x="45376" y="461116"/>
                  </a:lnTo>
                  <a:lnTo>
                    <a:pt x="103826" y="493628"/>
                  </a:lnTo>
                  <a:lnTo>
                    <a:pt x="201402" y="467676"/>
                  </a:lnTo>
                  <a:lnTo>
                    <a:pt x="201402" y="428699"/>
                  </a:lnTo>
                  <a:lnTo>
                    <a:pt x="149330" y="435163"/>
                  </a:lnTo>
                  <a:lnTo>
                    <a:pt x="168369" y="376699"/>
                  </a:lnTo>
                  <a:lnTo>
                    <a:pt x="194453" y="370235"/>
                  </a:lnTo>
                  <a:lnTo>
                    <a:pt x="291933" y="415675"/>
                  </a:lnTo>
                  <a:lnTo>
                    <a:pt x="376467" y="383258"/>
                  </a:lnTo>
                  <a:lnTo>
                    <a:pt x="402456" y="396187"/>
                  </a:lnTo>
                  <a:lnTo>
                    <a:pt x="428445" y="415675"/>
                  </a:lnTo>
                  <a:lnTo>
                    <a:pt x="428445" y="454652"/>
                  </a:lnTo>
                  <a:lnTo>
                    <a:pt x="454433" y="480604"/>
                  </a:lnTo>
                  <a:lnTo>
                    <a:pt x="480422" y="454652"/>
                  </a:lnTo>
                  <a:lnTo>
                    <a:pt x="525925" y="461116"/>
                  </a:lnTo>
                  <a:lnTo>
                    <a:pt x="519452" y="422235"/>
                  </a:lnTo>
                  <a:lnTo>
                    <a:pt x="571429" y="422235"/>
                  </a:lnTo>
                  <a:lnTo>
                    <a:pt x="571429" y="331258"/>
                  </a:lnTo>
                  <a:lnTo>
                    <a:pt x="597513" y="324794"/>
                  </a:lnTo>
                  <a:lnTo>
                    <a:pt x="688425" y="435163"/>
                  </a:lnTo>
                  <a:lnTo>
                    <a:pt x="688425" y="428699"/>
                  </a:lnTo>
                  <a:lnTo>
                    <a:pt x="766485" y="324794"/>
                  </a:lnTo>
                  <a:lnTo>
                    <a:pt x="831504" y="350746"/>
                  </a:lnTo>
                  <a:lnTo>
                    <a:pt x="850543" y="318329"/>
                  </a:lnTo>
                  <a:lnTo>
                    <a:pt x="896142" y="344282"/>
                  </a:lnTo>
                  <a:lnTo>
                    <a:pt x="896142" y="311770"/>
                  </a:lnTo>
                  <a:lnTo>
                    <a:pt x="935077" y="305306"/>
                  </a:lnTo>
                  <a:lnTo>
                    <a:pt x="961066" y="331258"/>
                  </a:lnTo>
                  <a:lnTo>
                    <a:pt x="1026084" y="220888"/>
                  </a:lnTo>
                  <a:lnTo>
                    <a:pt x="1065115" y="227353"/>
                  </a:lnTo>
                  <a:lnTo>
                    <a:pt x="1078157" y="175448"/>
                  </a:lnTo>
                  <a:lnTo>
                    <a:pt x="1104145" y="201400"/>
                  </a:lnTo>
                  <a:lnTo>
                    <a:pt x="1201626" y="77817"/>
                  </a:lnTo>
                  <a:lnTo>
                    <a:pt x="1305675" y="45400"/>
                  </a:lnTo>
                  <a:lnTo>
                    <a:pt x="1299107" y="-41"/>
                  </a:lnTo>
                  <a:lnTo>
                    <a:pt x="1351179" y="32376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98" name="Freihandform 26897">
              <a:extLst>
                <a:ext uri="{FF2B5EF4-FFF2-40B4-BE49-F238E27FC236}">
                  <a16:creationId xmlns:a16="http://schemas.microsoft.com/office/drawing/2014/main" id="{5EFDB14F-27F5-592D-CE63-78B30E2D797D}"/>
                </a:ext>
              </a:extLst>
            </p:cNvPr>
            <p:cNvSpPr/>
            <p:nvPr/>
          </p:nvSpPr>
          <p:spPr>
            <a:xfrm>
              <a:off x="2902930" y="1627285"/>
              <a:ext cx="1066384" cy="1188208"/>
            </a:xfrm>
            <a:custGeom>
              <a:avLst/>
              <a:gdLst>
                <a:gd name="connsiteX0" fmla="*/ 559149 w 1066384"/>
                <a:gd name="connsiteY0" fmla="*/ 97400 h 1188208"/>
                <a:gd name="connsiteX1" fmla="*/ 559149 w 1066384"/>
                <a:gd name="connsiteY1" fmla="*/ 123352 h 1188208"/>
                <a:gd name="connsiteX2" fmla="*/ 585137 w 1066384"/>
                <a:gd name="connsiteY2" fmla="*/ 110329 h 1188208"/>
                <a:gd name="connsiteX3" fmla="*/ 663198 w 1066384"/>
                <a:gd name="connsiteY3" fmla="*/ 142841 h 1188208"/>
                <a:gd name="connsiteX4" fmla="*/ 721743 w 1066384"/>
                <a:gd name="connsiteY4" fmla="*/ 162329 h 1188208"/>
                <a:gd name="connsiteX5" fmla="*/ 747732 w 1066384"/>
                <a:gd name="connsiteY5" fmla="*/ 149305 h 1188208"/>
                <a:gd name="connsiteX6" fmla="*/ 812750 w 1066384"/>
                <a:gd name="connsiteY6" fmla="*/ 175258 h 1188208"/>
                <a:gd name="connsiteX7" fmla="*/ 832266 w 1066384"/>
                <a:gd name="connsiteY7" fmla="*/ 149685 h 1188208"/>
                <a:gd name="connsiteX8" fmla="*/ 903758 w 1066384"/>
                <a:gd name="connsiteY8" fmla="*/ 162709 h 1188208"/>
                <a:gd name="connsiteX9" fmla="*/ 903758 w 1066384"/>
                <a:gd name="connsiteY9" fmla="*/ 221174 h 1188208"/>
                <a:gd name="connsiteX10" fmla="*/ 923273 w 1066384"/>
                <a:gd name="connsiteY10" fmla="*/ 234102 h 1188208"/>
                <a:gd name="connsiteX11" fmla="*/ 994765 w 1066384"/>
                <a:gd name="connsiteY11" fmla="*/ 286103 h 1188208"/>
                <a:gd name="connsiteX12" fmla="*/ 1020753 w 1066384"/>
                <a:gd name="connsiteY12" fmla="*/ 273079 h 1188208"/>
                <a:gd name="connsiteX13" fmla="*/ 1053215 w 1066384"/>
                <a:gd name="connsiteY13" fmla="*/ 273079 h 1188208"/>
                <a:gd name="connsiteX14" fmla="*/ 1066257 w 1066384"/>
                <a:gd name="connsiteY14" fmla="*/ 305591 h 1188208"/>
                <a:gd name="connsiteX15" fmla="*/ 1040268 w 1066384"/>
                <a:gd name="connsiteY15" fmla="*/ 402937 h 1188208"/>
                <a:gd name="connsiteX16" fmla="*/ 975250 w 1066384"/>
                <a:gd name="connsiteY16" fmla="*/ 441913 h 1188208"/>
                <a:gd name="connsiteX17" fmla="*/ 923273 w 1066384"/>
                <a:gd name="connsiteY17" fmla="*/ 454937 h 1188208"/>
                <a:gd name="connsiteX18" fmla="*/ 916704 w 1066384"/>
                <a:gd name="connsiteY18" fmla="*/ 480889 h 1188208"/>
                <a:gd name="connsiteX19" fmla="*/ 955735 w 1066384"/>
                <a:gd name="connsiteY19" fmla="*/ 545818 h 1188208"/>
                <a:gd name="connsiteX20" fmla="*/ 962303 w 1066384"/>
                <a:gd name="connsiteY20" fmla="*/ 591259 h 1188208"/>
                <a:gd name="connsiteX21" fmla="*/ 1027227 w 1066384"/>
                <a:gd name="connsiteY21" fmla="*/ 630235 h 1188208"/>
                <a:gd name="connsiteX22" fmla="*/ 1053215 w 1066384"/>
                <a:gd name="connsiteY22" fmla="*/ 662747 h 1188208"/>
                <a:gd name="connsiteX23" fmla="*/ 1027227 w 1066384"/>
                <a:gd name="connsiteY23" fmla="*/ 753629 h 1188208"/>
                <a:gd name="connsiteX24" fmla="*/ 1020753 w 1066384"/>
                <a:gd name="connsiteY24" fmla="*/ 850595 h 1188208"/>
                <a:gd name="connsiteX25" fmla="*/ 1014280 w 1066384"/>
                <a:gd name="connsiteY25" fmla="*/ 889571 h 1188208"/>
                <a:gd name="connsiteX26" fmla="*/ 955735 w 1066384"/>
                <a:gd name="connsiteY26" fmla="*/ 954500 h 1188208"/>
                <a:gd name="connsiteX27" fmla="*/ 877960 w 1066384"/>
                <a:gd name="connsiteY27" fmla="*/ 935012 h 1188208"/>
                <a:gd name="connsiteX28" fmla="*/ 819414 w 1066384"/>
                <a:gd name="connsiteY28" fmla="*/ 954500 h 1188208"/>
                <a:gd name="connsiteX29" fmla="*/ 695659 w 1066384"/>
                <a:gd name="connsiteY29" fmla="*/ 987012 h 1188208"/>
                <a:gd name="connsiteX30" fmla="*/ 650156 w 1066384"/>
                <a:gd name="connsiteY30" fmla="*/ 987012 h 1188208"/>
                <a:gd name="connsiteX31" fmla="*/ 631117 w 1066384"/>
                <a:gd name="connsiteY31" fmla="*/ 993476 h 1188208"/>
                <a:gd name="connsiteX32" fmla="*/ 559529 w 1066384"/>
                <a:gd name="connsiteY32" fmla="*/ 1064869 h 1188208"/>
                <a:gd name="connsiteX33" fmla="*/ 494130 w 1066384"/>
                <a:gd name="connsiteY33" fmla="*/ 1090822 h 1188208"/>
                <a:gd name="connsiteX34" fmla="*/ 481088 w 1066384"/>
                <a:gd name="connsiteY34" fmla="*/ 1162216 h 1188208"/>
                <a:gd name="connsiteX35" fmla="*/ 481088 w 1066384"/>
                <a:gd name="connsiteY35" fmla="*/ 1181704 h 1188208"/>
                <a:gd name="connsiteX36" fmla="*/ 462049 w 1066384"/>
                <a:gd name="connsiteY36" fmla="*/ 1188168 h 1188208"/>
                <a:gd name="connsiteX37" fmla="*/ 474995 w 1066384"/>
                <a:gd name="connsiteY37" fmla="*/ 1181704 h 1188208"/>
                <a:gd name="connsiteX38" fmla="*/ 455480 w 1066384"/>
                <a:gd name="connsiteY38" fmla="*/ 1168680 h 1188208"/>
                <a:gd name="connsiteX39" fmla="*/ 403503 w 1066384"/>
                <a:gd name="connsiteY39" fmla="*/ 1188168 h 1188208"/>
                <a:gd name="connsiteX40" fmla="*/ 390556 w 1066384"/>
                <a:gd name="connsiteY40" fmla="*/ 1175239 h 1188208"/>
                <a:gd name="connsiteX41" fmla="*/ 371041 w 1066384"/>
                <a:gd name="connsiteY41" fmla="*/ 1123239 h 1188208"/>
                <a:gd name="connsiteX42" fmla="*/ 332011 w 1066384"/>
                <a:gd name="connsiteY42" fmla="*/ 1123239 h 1188208"/>
                <a:gd name="connsiteX43" fmla="*/ 338484 w 1066384"/>
                <a:gd name="connsiteY43" fmla="*/ 1071334 h 1188208"/>
                <a:gd name="connsiteX44" fmla="*/ 292981 w 1066384"/>
                <a:gd name="connsiteY44" fmla="*/ 1032358 h 1188208"/>
                <a:gd name="connsiteX45" fmla="*/ 319064 w 1066384"/>
                <a:gd name="connsiteY45" fmla="*/ 986917 h 1188208"/>
                <a:gd name="connsiteX46" fmla="*/ 338104 w 1066384"/>
                <a:gd name="connsiteY46" fmla="*/ 889476 h 1188208"/>
                <a:gd name="connsiteX47" fmla="*/ 344672 w 1066384"/>
                <a:gd name="connsiteY47" fmla="*/ 746879 h 1188208"/>
                <a:gd name="connsiteX48" fmla="*/ 312115 w 1066384"/>
                <a:gd name="connsiteY48" fmla="*/ 701058 h 1188208"/>
                <a:gd name="connsiteX49" fmla="*/ 390176 w 1066384"/>
                <a:gd name="connsiteY49" fmla="*/ 649058 h 1188208"/>
                <a:gd name="connsiteX50" fmla="*/ 403122 w 1066384"/>
                <a:gd name="connsiteY50" fmla="*/ 623105 h 1188208"/>
                <a:gd name="connsiteX51" fmla="*/ 344862 w 1066384"/>
                <a:gd name="connsiteY51" fmla="*/ 577950 h 1188208"/>
                <a:gd name="connsiteX52" fmla="*/ 363902 w 1066384"/>
                <a:gd name="connsiteY52" fmla="*/ 558462 h 1188208"/>
                <a:gd name="connsiteX53" fmla="*/ 370470 w 1066384"/>
                <a:gd name="connsiteY53" fmla="*/ 525950 h 1188208"/>
                <a:gd name="connsiteX54" fmla="*/ 305451 w 1066384"/>
                <a:gd name="connsiteY54" fmla="*/ 493438 h 1188208"/>
                <a:gd name="connsiteX55" fmla="*/ 272990 w 1066384"/>
                <a:gd name="connsiteY55" fmla="*/ 525950 h 1188208"/>
                <a:gd name="connsiteX56" fmla="*/ 246906 w 1066384"/>
                <a:gd name="connsiteY56" fmla="*/ 474045 h 1188208"/>
                <a:gd name="connsiteX57" fmla="*/ 188456 w 1066384"/>
                <a:gd name="connsiteY57" fmla="*/ 447997 h 1188208"/>
                <a:gd name="connsiteX58" fmla="*/ 175414 w 1066384"/>
                <a:gd name="connsiteY58" fmla="*/ 422044 h 1188208"/>
                <a:gd name="connsiteX59" fmla="*/ 142952 w 1066384"/>
                <a:gd name="connsiteY59" fmla="*/ 441057 h 1188208"/>
                <a:gd name="connsiteX60" fmla="*/ 129910 w 1066384"/>
                <a:gd name="connsiteY60" fmla="*/ 422044 h 1188208"/>
                <a:gd name="connsiteX61" fmla="*/ 149425 w 1066384"/>
                <a:gd name="connsiteY61" fmla="*/ 370139 h 1188208"/>
                <a:gd name="connsiteX62" fmla="*/ 19388 w 1066384"/>
                <a:gd name="connsiteY62" fmla="*/ 402556 h 1188208"/>
                <a:gd name="connsiteX63" fmla="*/ 12914 w 1066384"/>
                <a:gd name="connsiteY63" fmla="*/ 389628 h 1188208"/>
                <a:gd name="connsiteX64" fmla="*/ -128 w 1066384"/>
                <a:gd name="connsiteY64" fmla="*/ 285722 h 1188208"/>
                <a:gd name="connsiteX65" fmla="*/ 142666 w 1066384"/>
                <a:gd name="connsiteY65" fmla="*/ 298651 h 1188208"/>
                <a:gd name="connsiteX66" fmla="*/ 292124 w 1066384"/>
                <a:gd name="connsiteY66" fmla="*/ 207770 h 1188208"/>
                <a:gd name="connsiteX67" fmla="*/ 357143 w 1066384"/>
                <a:gd name="connsiteY67" fmla="*/ 149305 h 1188208"/>
                <a:gd name="connsiteX68" fmla="*/ 363616 w 1066384"/>
                <a:gd name="connsiteY68" fmla="*/ 142841 h 1188208"/>
                <a:gd name="connsiteX69" fmla="*/ 435203 w 1066384"/>
                <a:gd name="connsiteY69" fmla="*/ 58423 h 1188208"/>
                <a:gd name="connsiteX70" fmla="*/ 519642 w 1066384"/>
                <a:gd name="connsiteY70" fmla="*/ -41 h 1188208"/>
                <a:gd name="connsiteX71" fmla="*/ 526211 w 1066384"/>
                <a:gd name="connsiteY71" fmla="*/ 58423 h 1188208"/>
                <a:gd name="connsiteX72" fmla="*/ 565146 w 1066384"/>
                <a:gd name="connsiteY72" fmla="*/ 77436 h 1188208"/>
                <a:gd name="connsiteX73" fmla="*/ 558672 w 1066384"/>
                <a:gd name="connsiteY73" fmla="*/ 96924 h 118820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</a:cxnLst>
              <a:rect l="l" t="t" r="r" b="b"/>
              <a:pathLst>
                <a:path w="1066384" h="1188208">
                  <a:moveTo>
                    <a:pt x="559149" y="97400"/>
                  </a:moveTo>
                  <a:lnTo>
                    <a:pt x="559149" y="123352"/>
                  </a:lnTo>
                  <a:lnTo>
                    <a:pt x="585137" y="110329"/>
                  </a:lnTo>
                  <a:lnTo>
                    <a:pt x="663198" y="142841"/>
                  </a:lnTo>
                  <a:lnTo>
                    <a:pt x="721743" y="162329"/>
                  </a:lnTo>
                  <a:lnTo>
                    <a:pt x="747732" y="149305"/>
                  </a:lnTo>
                  <a:lnTo>
                    <a:pt x="812750" y="175258"/>
                  </a:lnTo>
                  <a:lnTo>
                    <a:pt x="832266" y="149685"/>
                  </a:lnTo>
                  <a:lnTo>
                    <a:pt x="903758" y="162709"/>
                  </a:lnTo>
                  <a:lnTo>
                    <a:pt x="903758" y="221174"/>
                  </a:lnTo>
                  <a:lnTo>
                    <a:pt x="923273" y="234102"/>
                  </a:lnTo>
                  <a:lnTo>
                    <a:pt x="994765" y="286103"/>
                  </a:lnTo>
                  <a:lnTo>
                    <a:pt x="1020753" y="273079"/>
                  </a:lnTo>
                  <a:lnTo>
                    <a:pt x="1053215" y="273079"/>
                  </a:lnTo>
                  <a:lnTo>
                    <a:pt x="1066257" y="305591"/>
                  </a:lnTo>
                  <a:lnTo>
                    <a:pt x="1040268" y="402937"/>
                  </a:lnTo>
                  <a:lnTo>
                    <a:pt x="975250" y="441913"/>
                  </a:lnTo>
                  <a:lnTo>
                    <a:pt x="923273" y="454937"/>
                  </a:lnTo>
                  <a:lnTo>
                    <a:pt x="916704" y="480889"/>
                  </a:lnTo>
                  <a:lnTo>
                    <a:pt x="955735" y="545818"/>
                  </a:lnTo>
                  <a:lnTo>
                    <a:pt x="962303" y="591259"/>
                  </a:lnTo>
                  <a:lnTo>
                    <a:pt x="1027227" y="630235"/>
                  </a:lnTo>
                  <a:lnTo>
                    <a:pt x="1053215" y="662747"/>
                  </a:lnTo>
                  <a:lnTo>
                    <a:pt x="1027227" y="753629"/>
                  </a:lnTo>
                  <a:lnTo>
                    <a:pt x="1020753" y="850595"/>
                  </a:lnTo>
                  <a:lnTo>
                    <a:pt x="1014280" y="889571"/>
                  </a:lnTo>
                  <a:lnTo>
                    <a:pt x="955735" y="954500"/>
                  </a:lnTo>
                  <a:lnTo>
                    <a:pt x="877960" y="935012"/>
                  </a:lnTo>
                  <a:lnTo>
                    <a:pt x="819414" y="954500"/>
                  </a:lnTo>
                  <a:lnTo>
                    <a:pt x="695659" y="987012"/>
                  </a:lnTo>
                  <a:lnTo>
                    <a:pt x="650156" y="987012"/>
                  </a:lnTo>
                  <a:lnTo>
                    <a:pt x="631117" y="993476"/>
                  </a:lnTo>
                  <a:lnTo>
                    <a:pt x="559529" y="1064869"/>
                  </a:lnTo>
                  <a:lnTo>
                    <a:pt x="494130" y="1090822"/>
                  </a:lnTo>
                  <a:lnTo>
                    <a:pt x="481088" y="1162216"/>
                  </a:lnTo>
                  <a:lnTo>
                    <a:pt x="481088" y="1181704"/>
                  </a:lnTo>
                  <a:lnTo>
                    <a:pt x="462049" y="1188168"/>
                  </a:lnTo>
                  <a:lnTo>
                    <a:pt x="474995" y="1181704"/>
                  </a:lnTo>
                  <a:lnTo>
                    <a:pt x="455480" y="1168680"/>
                  </a:lnTo>
                  <a:lnTo>
                    <a:pt x="403503" y="1188168"/>
                  </a:lnTo>
                  <a:lnTo>
                    <a:pt x="390556" y="1175239"/>
                  </a:lnTo>
                  <a:lnTo>
                    <a:pt x="371041" y="1123239"/>
                  </a:lnTo>
                  <a:lnTo>
                    <a:pt x="332011" y="1123239"/>
                  </a:lnTo>
                  <a:lnTo>
                    <a:pt x="338484" y="1071334"/>
                  </a:lnTo>
                  <a:lnTo>
                    <a:pt x="292981" y="1032358"/>
                  </a:lnTo>
                  <a:lnTo>
                    <a:pt x="319064" y="986917"/>
                  </a:lnTo>
                  <a:lnTo>
                    <a:pt x="338104" y="889476"/>
                  </a:lnTo>
                  <a:lnTo>
                    <a:pt x="344672" y="746879"/>
                  </a:lnTo>
                  <a:lnTo>
                    <a:pt x="312115" y="701058"/>
                  </a:lnTo>
                  <a:lnTo>
                    <a:pt x="390176" y="649058"/>
                  </a:lnTo>
                  <a:lnTo>
                    <a:pt x="403122" y="623105"/>
                  </a:lnTo>
                  <a:lnTo>
                    <a:pt x="344862" y="577950"/>
                  </a:lnTo>
                  <a:lnTo>
                    <a:pt x="363902" y="558462"/>
                  </a:lnTo>
                  <a:lnTo>
                    <a:pt x="370470" y="525950"/>
                  </a:lnTo>
                  <a:lnTo>
                    <a:pt x="305451" y="493438"/>
                  </a:lnTo>
                  <a:lnTo>
                    <a:pt x="272990" y="525950"/>
                  </a:lnTo>
                  <a:lnTo>
                    <a:pt x="246906" y="474045"/>
                  </a:lnTo>
                  <a:lnTo>
                    <a:pt x="188456" y="447997"/>
                  </a:lnTo>
                  <a:lnTo>
                    <a:pt x="175414" y="422044"/>
                  </a:lnTo>
                  <a:lnTo>
                    <a:pt x="142952" y="441057"/>
                  </a:lnTo>
                  <a:lnTo>
                    <a:pt x="129910" y="422044"/>
                  </a:lnTo>
                  <a:lnTo>
                    <a:pt x="149425" y="370139"/>
                  </a:lnTo>
                  <a:lnTo>
                    <a:pt x="19388" y="402556"/>
                  </a:lnTo>
                  <a:lnTo>
                    <a:pt x="12914" y="389628"/>
                  </a:lnTo>
                  <a:lnTo>
                    <a:pt x="-128" y="285722"/>
                  </a:lnTo>
                  <a:lnTo>
                    <a:pt x="142666" y="298651"/>
                  </a:lnTo>
                  <a:lnTo>
                    <a:pt x="292124" y="207770"/>
                  </a:lnTo>
                  <a:lnTo>
                    <a:pt x="357143" y="149305"/>
                  </a:lnTo>
                  <a:lnTo>
                    <a:pt x="363616" y="142841"/>
                  </a:lnTo>
                  <a:lnTo>
                    <a:pt x="435203" y="58423"/>
                  </a:lnTo>
                  <a:lnTo>
                    <a:pt x="519642" y="-41"/>
                  </a:lnTo>
                  <a:lnTo>
                    <a:pt x="526211" y="58423"/>
                  </a:lnTo>
                  <a:lnTo>
                    <a:pt x="565146" y="77436"/>
                  </a:lnTo>
                  <a:lnTo>
                    <a:pt x="558672" y="96924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900" name="Freihandform 26899">
              <a:extLst>
                <a:ext uri="{FF2B5EF4-FFF2-40B4-BE49-F238E27FC236}">
                  <a16:creationId xmlns:a16="http://schemas.microsoft.com/office/drawing/2014/main" id="{871DD893-0BC7-B389-CD0D-7198109A2502}"/>
                </a:ext>
              </a:extLst>
            </p:cNvPr>
            <p:cNvSpPr/>
            <p:nvPr/>
          </p:nvSpPr>
          <p:spPr>
            <a:xfrm>
              <a:off x="4209398" y="146659"/>
              <a:ext cx="1216127" cy="1474352"/>
            </a:xfrm>
            <a:custGeom>
              <a:avLst/>
              <a:gdLst>
                <a:gd name="connsiteX0" fmla="*/ 689376 w 1216127"/>
                <a:gd name="connsiteY0" fmla="*/ 240377 h 1474352"/>
                <a:gd name="connsiteX1" fmla="*/ 728407 w 1216127"/>
                <a:gd name="connsiteY1" fmla="*/ 318234 h 1474352"/>
                <a:gd name="connsiteX2" fmla="*/ 819414 w 1216127"/>
                <a:gd name="connsiteY2" fmla="*/ 357306 h 1474352"/>
                <a:gd name="connsiteX3" fmla="*/ 812941 w 1216127"/>
                <a:gd name="connsiteY3" fmla="*/ 409211 h 1474352"/>
                <a:gd name="connsiteX4" fmla="*/ 799518 w 1216127"/>
                <a:gd name="connsiteY4" fmla="*/ 435163 h 1474352"/>
                <a:gd name="connsiteX5" fmla="*/ 734499 w 1216127"/>
                <a:gd name="connsiteY5" fmla="*/ 441723 h 1474352"/>
                <a:gd name="connsiteX6" fmla="*/ 702038 w 1216127"/>
                <a:gd name="connsiteY6" fmla="*/ 487164 h 1474352"/>
                <a:gd name="connsiteX7" fmla="*/ 747541 w 1216127"/>
                <a:gd name="connsiteY7" fmla="*/ 532604 h 1474352"/>
                <a:gd name="connsiteX8" fmla="*/ 786476 w 1216127"/>
                <a:gd name="connsiteY8" fmla="*/ 526140 h 1474352"/>
                <a:gd name="connsiteX9" fmla="*/ 773910 w 1216127"/>
                <a:gd name="connsiteY9" fmla="*/ 584605 h 1474352"/>
                <a:gd name="connsiteX10" fmla="*/ 806372 w 1216127"/>
                <a:gd name="connsiteY10" fmla="*/ 617117 h 1474352"/>
                <a:gd name="connsiteX11" fmla="*/ 845403 w 1216127"/>
                <a:gd name="connsiteY11" fmla="*/ 604093 h 1474352"/>
                <a:gd name="connsiteX12" fmla="*/ 838929 w 1216127"/>
                <a:gd name="connsiteY12" fmla="*/ 649533 h 1474352"/>
                <a:gd name="connsiteX13" fmla="*/ 910421 w 1216127"/>
                <a:gd name="connsiteY13" fmla="*/ 630521 h 1474352"/>
                <a:gd name="connsiteX14" fmla="*/ 910421 w 1216127"/>
                <a:gd name="connsiteY14" fmla="*/ 656568 h 1474352"/>
                <a:gd name="connsiteX15" fmla="*/ 955925 w 1216127"/>
                <a:gd name="connsiteY15" fmla="*/ 669497 h 1474352"/>
                <a:gd name="connsiteX16" fmla="*/ 994955 w 1216127"/>
                <a:gd name="connsiteY16" fmla="*/ 637080 h 1474352"/>
                <a:gd name="connsiteX17" fmla="*/ 1072921 w 1216127"/>
                <a:gd name="connsiteY17" fmla="*/ 669497 h 1474352"/>
                <a:gd name="connsiteX18" fmla="*/ 1124898 w 1216127"/>
                <a:gd name="connsiteY18" fmla="*/ 650009 h 1474352"/>
                <a:gd name="connsiteX19" fmla="*/ 1216000 w 1216127"/>
                <a:gd name="connsiteY19" fmla="*/ 676056 h 1474352"/>
                <a:gd name="connsiteX20" fmla="*/ 1131466 w 1216127"/>
                <a:gd name="connsiteY20" fmla="*/ 714938 h 1474352"/>
                <a:gd name="connsiteX21" fmla="*/ 1137939 w 1216127"/>
                <a:gd name="connsiteY21" fmla="*/ 805914 h 1474352"/>
                <a:gd name="connsiteX22" fmla="*/ 1098909 w 1216127"/>
                <a:gd name="connsiteY22" fmla="*/ 812379 h 1474352"/>
                <a:gd name="connsiteX23" fmla="*/ 1092436 w 1216127"/>
                <a:gd name="connsiteY23" fmla="*/ 877308 h 1474352"/>
                <a:gd name="connsiteX24" fmla="*/ 1144413 w 1216127"/>
                <a:gd name="connsiteY24" fmla="*/ 877308 h 1474352"/>
                <a:gd name="connsiteX25" fmla="*/ 1150982 w 1216127"/>
                <a:gd name="connsiteY25" fmla="*/ 909725 h 1474352"/>
                <a:gd name="connsiteX26" fmla="*/ 1163928 w 1216127"/>
                <a:gd name="connsiteY26" fmla="*/ 1020189 h 1474352"/>
                <a:gd name="connsiteX27" fmla="*/ 1137939 w 1216127"/>
                <a:gd name="connsiteY27" fmla="*/ 1026654 h 1474352"/>
                <a:gd name="connsiteX28" fmla="*/ 1111951 w 1216127"/>
                <a:gd name="connsiteY28" fmla="*/ 987677 h 1474352"/>
                <a:gd name="connsiteX29" fmla="*/ 1092436 w 1216127"/>
                <a:gd name="connsiteY29" fmla="*/ 1020189 h 1474352"/>
                <a:gd name="connsiteX30" fmla="*/ 1118424 w 1216127"/>
                <a:gd name="connsiteY30" fmla="*/ 1156512 h 1474352"/>
                <a:gd name="connsiteX31" fmla="*/ 1072921 w 1216127"/>
                <a:gd name="connsiteY31" fmla="*/ 1182559 h 1474352"/>
                <a:gd name="connsiteX32" fmla="*/ 1040459 w 1216127"/>
                <a:gd name="connsiteY32" fmla="*/ 1266881 h 1474352"/>
                <a:gd name="connsiteX33" fmla="*/ 1027417 w 1216127"/>
                <a:gd name="connsiteY33" fmla="*/ 1273346 h 1474352"/>
                <a:gd name="connsiteX34" fmla="*/ 1007902 w 1216127"/>
                <a:gd name="connsiteY34" fmla="*/ 1240548 h 1474352"/>
                <a:gd name="connsiteX35" fmla="*/ 968967 w 1216127"/>
                <a:gd name="connsiteY35" fmla="*/ 1201572 h 1474352"/>
                <a:gd name="connsiteX36" fmla="*/ 936410 w 1216127"/>
                <a:gd name="connsiteY36" fmla="*/ 1208131 h 1474352"/>
                <a:gd name="connsiteX37" fmla="*/ 877864 w 1216127"/>
                <a:gd name="connsiteY37" fmla="*/ 1305477 h 1474352"/>
                <a:gd name="connsiteX38" fmla="*/ 864918 w 1216127"/>
                <a:gd name="connsiteY38" fmla="*/ 1383430 h 1474352"/>
                <a:gd name="connsiteX39" fmla="*/ 806372 w 1216127"/>
                <a:gd name="connsiteY39" fmla="*/ 1376871 h 1474352"/>
                <a:gd name="connsiteX40" fmla="*/ 812941 w 1216127"/>
                <a:gd name="connsiteY40" fmla="*/ 1422407 h 1474352"/>
                <a:gd name="connsiteX41" fmla="*/ 754395 w 1216127"/>
                <a:gd name="connsiteY41" fmla="*/ 1474312 h 1474352"/>
                <a:gd name="connsiteX42" fmla="*/ 676335 w 1216127"/>
                <a:gd name="connsiteY42" fmla="*/ 1318406 h 1474352"/>
                <a:gd name="connsiteX43" fmla="*/ 624358 w 1216127"/>
                <a:gd name="connsiteY43" fmla="*/ 1299393 h 1474352"/>
                <a:gd name="connsiteX44" fmla="*/ 617884 w 1216127"/>
                <a:gd name="connsiteY44" fmla="*/ 1305858 h 1474352"/>
                <a:gd name="connsiteX45" fmla="*/ 565907 w 1216127"/>
                <a:gd name="connsiteY45" fmla="*/ 1305858 h 1474352"/>
                <a:gd name="connsiteX46" fmla="*/ 539919 w 1216127"/>
                <a:gd name="connsiteY46" fmla="*/ 1364132 h 1474352"/>
                <a:gd name="connsiteX47" fmla="*/ 494320 w 1216127"/>
                <a:gd name="connsiteY47" fmla="*/ 1299203 h 1474352"/>
                <a:gd name="connsiteX48" fmla="*/ 474805 w 1216127"/>
                <a:gd name="connsiteY48" fmla="*/ 1195298 h 1474352"/>
                <a:gd name="connsiteX49" fmla="*/ 442343 w 1216127"/>
                <a:gd name="connsiteY49" fmla="*/ 1176285 h 1474352"/>
                <a:gd name="connsiteX50" fmla="*/ 396839 w 1216127"/>
                <a:gd name="connsiteY50" fmla="*/ 1208797 h 1474352"/>
                <a:gd name="connsiteX51" fmla="*/ 318874 w 1216127"/>
                <a:gd name="connsiteY51" fmla="*/ 1195773 h 1474352"/>
                <a:gd name="connsiteX52" fmla="*/ 364282 w 1216127"/>
                <a:gd name="connsiteY52" fmla="*/ 1260702 h 1474352"/>
                <a:gd name="connsiteX53" fmla="*/ 351336 w 1216127"/>
                <a:gd name="connsiteY53" fmla="*/ 1280190 h 1474352"/>
                <a:gd name="connsiteX54" fmla="*/ 344862 w 1216127"/>
                <a:gd name="connsiteY54" fmla="*/ 1280190 h 1474352"/>
                <a:gd name="connsiteX55" fmla="*/ 156375 w 1216127"/>
                <a:gd name="connsiteY55" fmla="*/ 1130844 h 1474352"/>
                <a:gd name="connsiteX56" fmla="*/ 123627 w 1216127"/>
                <a:gd name="connsiteY56" fmla="*/ 1110501 h 1474352"/>
                <a:gd name="connsiteX57" fmla="*/ -128 w 1216127"/>
                <a:gd name="connsiteY57" fmla="*/ 961154 h 1474352"/>
                <a:gd name="connsiteX58" fmla="*/ 51849 w 1216127"/>
                <a:gd name="connsiteY58" fmla="*/ 896225 h 1474352"/>
                <a:gd name="connsiteX59" fmla="*/ 45281 w 1216127"/>
                <a:gd name="connsiteY59" fmla="*/ 844320 h 1474352"/>
                <a:gd name="connsiteX60" fmla="*/ 71269 w 1216127"/>
                <a:gd name="connsiteY60" fmla="*/ 772832 h 1474352"/>
                <a:gd name="connsiteX61" fmla="*/ 110300 w 1216127"/>
                <a:gd name="connsiteY61" fmla="*/ 798784 h 1474352"/>
                <a:gd name="connsiteX62" fmla="*/ 181792 w 1216127"/>
                <a:gd name="connsiteY62" fmla="*/ 733856 h 1474352"/>
                <a:gd name="connsiteX63" fmla="*/ 181792 w 1216127"/>
                <a:gd name="connsiteY63" fmla="*/ 642974 h 1474352"/>
                <a:gd name="connsiteX64" fmla="*/ 240337 w 1216127"/>
                <a:gd name="connsiteY64" fmla="*/ 565116 h 1474352"/>
                <a:gd name="connsiteX65" fmla="*/ 220822 w 1216127"/>
                <a:gd name="connsiteY65" fmla="*/ 415675 h 1474352"/>
                <a:gd name="connsiteX66" fmla="*/ 214349 w 1216127"/>
                <a:gd name="connsiteY66" fmla="*/ 292092 h 1474352"/>
                <a:gd name="connsiteX67" fmla="*/ 259852 w 1216127"/>
                <a:gd name="connsiteY67" fmla="*/ 292092 h 1474352"/>
                <a:gd name="connsiteX68" fmla="*/ 266326 w 1216127"/>
                <a:gd name="connsiteY68" fmla="*/ 266139 h 1474352"/>
                <a:gd name="connsiteX69" fmla="*/ 214349 w 1216127"/>
                <a:gd name="connsiteY69" fmla="*/ 259675 h 1474352"/>
                <a:gd name="connsiteX70" fmla="*/ 162372 w 1216127"/>
                <a:gd name="connsiteY70" fmla="*/ 207770 h 1474352"/>
                <a:gd name="connsiteX71" fmla="*/ 220822 w 1216127"/>
                <a:gd name="connsiteY71" fmla="*/ 149305 h 1474352"/>
                <a:gd name="connsiteX72" fmla="*/ 227391 w 1216127"/>
                <a:gd name="connsiteY72" fmla="*/ 64888 h 1474352"/>
                <a:gd name="connsiteX73" fmla="*/ 272894 w 1216127"/>
                <a:gd name="connsiteY73" fmla="*/ -41 h 1474352"/>
                <a:gd name="connsiteX74" fmla="*/ 363806 w 1216127"/>
                <a:gd name="connsiteY74" fmla="*/ 18972 h 1474352"/>
                <a:gd name="connsiteX75" fmla="*/ 487561 w 1216127"/>
                <a:gd name="connsiteY75" fmla="*/ 135806 h 1474352"/>
                <a:gd name="connsiteX76" fmla="*/ 559148 w 1216127"/>
                <a:gd name="connsiteY76" fmla="*/ 207294 h 1474352"/>
                <a:gd name="connsiteX77" fmla="*/ 689091 w 1216127"/>
                <a:gd name="connsiteY77" fmla="*/ 239711 h 147435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</a:cxnLst>
              <a:rect l="l" t="t" r="r" b="b"/>
              <a:pathLst>
                <a:path w="1216127" h="1474352">
                  <a:moveTo>
                    <a:pt x="689376" y="240377"/>
                  </a:moveTo>
                  <a:lnTo>
                    <a:pt x="728407" y="318234"/>
                  </a:lnTo>
                  <a:lnTo>
                    <a:pt x="819414" y="357306"/>
                  </a:lnTo>
                  <a:lnTo>
                    <a:pt x="812941" y="409211"/>
                  </a:lnTo>
                  <a:lnTo>
                    <a:pt x="799518" y="435163"/>
                  </a:lnTo>
                  <a:lnTo>
                    <a:pt x="734499" y="441723"/>
                  </a:lnTo>
                  <a:lnTo>
                    <a:pt x="702038" y="487164"/>
                  </a:lnTo>
                  <a:lnTo>
                    <a:pt x="747541" y="532604"/>
                  </a:lnTo>
                  <a:lnTo>
                    <a:pt x="786476" y="526140"/>
                  </a:lnTo>
                  <a:lnTo>
                    <a:pt x="773910" y="584605"/>
                  </a:lnTo>
                  <a:lnTo>
                    <a:pt x="806372" y="617117"/>
                  </a:lnTo>
                  <a:lnTo>
                    <a:pt x="845403" y="604093"/>
                  </a:lnTo>
                  <a:lnTo>
                    <a:pt x="838929" y="649533"/>
                  </a:lnTo>
                  <a:lnTo>
                    <a:pt x="910421" y="630521"/>
                  </a:lnTo>
                  <a:lnTo>
                    <a:pt x="910421" y="656568"/>
                  </a:lnTo>
                  <a:lnTo>
                    <a:pt x="955925" y="669497"/>
                  </a:lnTo>
                  <a:lnTo>
                    <a:pt x="994955" y="637080"/>
                  </a:lnTo>
                  <a:lnTo>
                    <a:pt x="1072921" y="669497"/>
                  </a:lnTo>
                  <a:lnTo>
                    <a:pt x="1124898" y="650009"/>
                  </a:lnTo>
                  <a:lnTo>
                    <a:pt x="1216000" y="676056"/>
                  </a:lnTo>
                  <a:lnTo>
                    <a:pt x="1131466" y="714938"/>
                  </a:lnTo>
                  <a:lnTo>
                    <a:pt x="1137939" y="805914"/>
                  </a:lnTo>
                  <a:lnTo>
                    <a:pt x="1098909" y="812379"/>
                  </a:lnTo>
                  <a:lnTo>
                    <a:pt x="1092436" y="877308"/>
                  </a:lnTo>
                  <a:lnTo>
                    <a:pt x="1144413" y="877308"/>
                  </a:lnTo>
                  <a:lnTo>
                    <a:pt x="1150982" y="909725"/>
                  </a:lnTo>
                  <a:lnTo>
                    <a:pt x="1163928" y="1020189"/>
                  </a:lnTo>
                  <a:lnTo>
                    <a:pt x="1137939" y="1026654"/>
                  </a:lnTo>
                  <a:lnTo>
                    <a:pt x="1111951" y="987677"/>
                  </a:lnTo>
                  <a:lnTo>
                    <a:pt x="1092436" y="1020189"/>
                  </a:lnTo>
                  <a:lnTo>
                    <a:pt x="1118424" y="1156512"/>
                  </a:lnTo>
                  <a:lnTo>
                    <a:pt x="1072921" y="1182559"/>
                  </a:lnTo>
                  <a:lnTo>
                    <a:pt x="1040459" y="1266881"/>
                  </a:lnTo>
                  <a:lnTo>
                    <a:pt x="1027417" y="1273346"/>
                  </a:lnTo>
                  <a:lnTo>
                    <a:pt x="1007902" y="1240548"/>
                  </a:lnTo>
                  <a:lnTo>
                    <a:pt x="968967" y="1201572"/>
                  </a:lnTo>
                  <a:lnTo>
                    <a:pt x="936410" y="1208131"/>
                  </a:lnTo>
                  <a:lnTo>
                    <a:pt x="877864" y="1305477"/>
                  </a:lnTo>
                  <a:lnTo>
                    <a:pt x="864918" y="1383430"/>
                  </a:lnTo>
                  <a:lnTo>
                    <a:pt x="806372" y="1376871"/>
                  </a:lnTo>
                  <a:lnTo>
                    <a:pt x="812941" y="1422407"/>
                  </a:lnTo>
                  <a:lnTo>
                    <a:pt x="754395" y="1474312"/>
                  </a:lnTo>
                  <a:lnTo>
                    <a:pt x="676335" y="1318406"/>
                  </a:lnTo>
                  <a:lnTo>
                    <a:pt x="624358" y="1299393"/>
                  </a:lnTo>
                  <a:lnTo>
                    <a:pt x="617884" y="1305858"/>
                  </a:lnTo>
                  <a:lnTo>
                    <a:pt x="565907" y="1305858"/>
                  </a:lnTo>
                  <a:lnTo>
                    <a:pt x="539919" y="1364132"/>
                  </a:lnTo>
                  <a:lnTo>
                    <a:pt x="494320" y="1299203"/>
                  </a:lnTo>
                  <a:lnTo>
                    <a:pt x="474805" y="1195298"/>
                  </a:lnTo>
                  <a:lnTo>
                    <a:pt x="442343" y="1176285"/>
                  </a:lnTo>
                  <a:lnTo>
                    <a:pt x="396839" y="1208797"/>
                  </a:lnTo>
                  <a:lnTo>
                    <a:pt x="318874" y="1195773"/>
                  </a:lnTo>
                  <a:lnTo>
                    <a:pt x="364282" y="1260702"/>
                  </a:lnTo>
                  <a:lnTo>
                    <a:pt x="351336" y="1280190"/>
                  </a:lnTo>
                  <a:lnTo>
                    <a:pt x="344862" y="1280190"/>
                  </a:lnTo>
                  <a:lnTo>
                    <a:pt x="156375" y="1130844"/>
                  </a:lnTo>
                  <a:lnTo>
                    <a:pt x="123627" y="1110501"/>
                  </a:lnTo>
                  <a:lnTo>
                    <a:pt x="-128" y="961154"/>
                  </a:lnTo>
                  <a:lnTo>
                    <a:pt x="51849" y="896225"/>
                  </a:lnTo>
                  <a:lnTo>
                    <a:pt x="45281" y="844320"/>
                  </a:lnTo>
                  <a:lnTo>
                    <a:pt x="71269" y="772832"/>
                  </a:lnTo>
                  <a:lnTo>
                    <a:pt x="110300" y="798784"/>
                  </a:lnTo>
                  <a:lnTo>
                    <a:pt x="181792" y="733856"/>
                  </a:lnTo>
                  <a:lnTo>
                    <a:pt x="181792" y="642974"/>
                  </a:lnTo>
                  <a:lnTo>
                    <a:pt x="240337" y="565116"/>
                  </a:lnTo>
                  <a:lnTo>
                    <a:pt x="220822" y="415675"/>
                  </a:lnTo>
                  <a:lnTo>
                    <a:pt x="214349" y="292092"/>
                  </a:lnTo>
                  <a:lnTo>
                    <a:pt x="259852" y="292092"/>
                  </a:lnTo>
                  <a:lnTo>
                    <a:pt x="266326" y="266139"/>
                  </a:lnTo>
                  <a:lnTo>
                    <a:pt x="214349" y="259675"/>
                  </a:lnTo>
                  <a:lnTo>
                    <a:pt x="162372" y="207770"/>
                  </a:lnTo>
                  <a:lnTo>
                    <a:pt x="220822" y="149305"/>
                  </a:lnTo>
                  <a:lnTo>
                    <a:pt x="227391" y="64888"/>
                  </a:lnTo>
                  <a:lnTo>
                    <a:pt x="272894" y="-41"/>
                  </a:lnTo>
                  <a:lnTo>
                    <a:pt x="363806" y="18972"/>
                  </a:lnTo>
                  <a:lnTo>
                    <a:pt x="487561" y="135806"/>
                  </a:lnTo>
                  <a:lnTo>
                    <a:pt x="559148" y="207294"/>
                  </a:lnTo>
                  <a:lnTo>
                    <a:pt x="689091" y="239711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902" name="Freihandform 26901">
              <a:extLst>
                <a:ext uri="{FF2B5EF4-FFF2-40B4-BE49-F238E27FC236}">
                  <a16:creationId xmlns:a16="http://schemas.microsoft.com/office/drawing/2014/main" id="{201AAAAD-C3D8-0E3C-B347-ECE287615799}"/>
                </a:ext>
              </a:extLst>
            </p:cNvPr>
            <p:cNvSpPr/>
            <p:nvPr/>
          </p:nvSpPr>
          <p:spPr>
            <a:xfrm>
              <a:off x="3423175" y="822471"/>
              <a:ext cx="1131308" cy="1271960"/>
            </a:xfrm>
            <a:custGeom>
              <a:avLst/>
              <a:gdLst>
                <a:gd name="connsiteX0" fmla="*/ 350955 w 1131308"/>
                <a:gd name="connsiteY0" fmla="*/ 71067 h 1271960"/>
                <a:gd name="connsiteX1" fmla="*/ 422542 w 1131308"/>
                <a:gd name="connsiteY1" fmla="*/ 110043 h 1271960"/>
                <a:gd name="connsiteX2" fmla="*/ 467951 w 1131308"/>
                <a:gd name="connsiteY2" fmla="*/ 77531 h 1271960"/>
                <a:gd name="connsiteX3" fmla="*/ 578473 w 1131308"/>
                <a:gd name="connsiteY3" fmla="*/ 142460 h 1271960"/>
                <a:gd name="connsiteX4" fmla="*/ 604557 w 1131308"/>
                <a:gd name="connsiteY4" fmla="*/ 149020 h 1271960"/>
                <a:gd name="connsiteX5" fmla="*/ 623596 w 1131308"/>
                <a:gd name="connsiteY5" fmla="*/ 194461 h 1271960"/>
                <a:gd name="connsiteX6" fmla="*/ 662626 w 1131308"/>
                <a:gd name="connsiteY6" fmla="*/ 220413 h 1271960"/>
                <a:gd name="connsiteX7" fmla="*/ 786381 w 1131308"/>
                <a:gd name="connsiteY7" fmla="*/ 285342 h 1271960"/>
                <a:gd name="connsiteX8" fmla="*/ 910136 w 1131308"/>
                <a:gd name="connsiteY8" fmla="*/ 434688 h 1271960"/>
                <a:gd name="connsiteX9" fmla="*/ 942693 w 1131308"/>
                <a:gd name="connsiteY9" fmla="*/ 454176 h 1271960"/>
                <a:gd name="connsiteX10" fmla="*/ 1131181 w 1131308"/>
                <a:gd name="connsiteY10" fmla="*/ 603522 h 1271960"/>
                <a:gd name="connsiteX11" fmla="*/ 1098719 w 1131308"/>
                <a:gd name="connsiteY11" fmla="*/ 642404 h 1271960"/>
                <a:gd name="connsiteX12" fmla="*/ 1072635 w 1131308"/>
                <a:gd name="connsiteY12" fmla="*/ 642404 h 1271960"/>
                <a:gd name="connsiteX13" fmla="*/ 1027132 w 1131308"/>
                <a:gd name="connsiteY13" fmla="*/ 629475 h 1271960"/>
                <a:gd name="connsiteX14" fmla="*/ 1040173 w 1131308"/>
                <a:gd name="connsiteY14" fmla="*/ 596963 h 1271960"/>
                <a:gd name="connsiteX15" fmla="*/ 988101 w 1131308"/>
                <a:gd name="connsiteY15" fmla="*/ 623011 h 1271960"/>
                <a:gd name="connsiteX16" fmla="*/ 909850 w 1131308"/>
                <a:gd name="connsiteY16" fmla="*/ 564736 h 1271960"/>
                <a:gd name="connsiteX17" fmla="*/ 857778 w 1131308"/>
                <a:gd name="connsiteY17" fmla="*/ 551807 h 1271960"/>
                <a:gd name="connsiteX18" fmla="*/ 799328 w 1131308"/>
                <a:gd name="connsiteY18" fmla="*/ 519295 h 1271960"/>
                <a:gd name="connsiteX19" fmla="*/ 714889 w 1131308"/>
                <a:gd name="connsiteY19" fmla="*/ 571200 h 1271960"/>
                <a:gd name="connsiteX20" fmla="*/ 721362 w 1131308"/>
                <a:gd name="connsiteY20" fmla="*/ 636129 h 1271960"/>
                <a:gd name="connsiteX21" fmla="*/ 688805 w 1131308"/>
                <a:gd name="connsiteY21" fmla="*/ 675106 h 1271960"/>
                <a:gd name="connsiteX22" fmla="*/ 734309 w 1131308"/>
                <a:gd name="connsiteY22" fmla="*/ 753059 h 1271960"/>
                <a:gd name="connsiteX23" fmla="*/ 767056 w 1131308"/>
                <a:gd name="connsiteY23" fmla="*/ 785285 h 1271960"/>
                <a:gd name="connsiteX24" fmla="*/ 793045 w 1131308"/>
                <a:gd name="connsiteY24" fmla="*/ 830821 h 1271960"/>
                <a:gd name="connsiteX25" fmla="*/ 760583 w 1131308"/>
                <a:gd name="connsiteY25" fmla="*/ 876262 h 1271960"/>
                <a:gd name="connsiteX26" fmla="*/ 760583 w 1131308"/>
                <a:gd name="connsiteY26" fmla="*/ 954500 h 1271960"/>
                <a:gd name="connsiteX27" fmla="*/ 754014 w 1131308"/>
                <a:gd name="connsiteY27" fmla="*/ 954500 h 1271960"/>
                <a:gd name="connsiteX28" fmla="*/ 773530 w 1131308"/>
                <a:gd name="connsiteY28" fmla="*/ 1000036 h 1271960"/>
                <a:gd name="connsiteX29" fmla="*/ 748017 w 1131308"/>
                <a:gd name="connsiteY29" fmla="*/ 1025608 h 1271960"/>
                <a:gd name="connsiteX30" fmla="*/ 702513 w 1131308"/>
                <a:gd name="connsiteY30" fmla="*/ 1058025 h 1271960"/>
                <a:gd name="connsiteX31" fmla="*/ 657010 w 1131308"/>
                <a:gd name="connsiteY31" fmla="*/ 1051561 h 1271960"/>
                <a:gd name="connsiteX32" fmla="*/ 657010 w 1131308"/>
                <a:gd name="connsiteY32" fmla="*/ 1058025 h 1271960"/>
                <a:gd name="connsiteX33" fmla="*/ 637019 w 1131308"/>
                <a:gd name="connsiteY33" fmla="*/ 1116109 h 1271960"/>
                <a:gd name="connsiteX34" fmla="*/ 611030 w 1131308"/>
                <a:gd name="connsiteY34" fmla="*/ 1129038 h 1271960"/>
                <a:gd name="connsiteX35" fmla="*/ 597988 w 1131308"/>
                <a:gd name="connsiteY35" fmla="*/ 1206991 h 1271960"/>
                <a:gd name="connsiteX36" fmla="*/ 611030 w 1131308"/>
                <a:gd name="connsiteY36" fmla="*/ 1252431 h 1271960"/>
                <a:gd name="connsiteX37" fmla="*/ 546011 w 1131308"/>
                <a:gd name="connsiteY37" fmla="*/ 1258991 h 1271960"/>
                <a:gd name="connsiteX38" fmla="*/ 506981 w 1131308"/>
                <a:gd name="connsiteY38" fmla="*/ 1271920 h 1271960"/>
                <a:gd name="connsiteX39" fmla="*/ 455004 w 1131308"/>
                <a:gd name="connsiteY39" fmla="*/ 1245967 h 1271960"/>
                <a:gd name="connsiteX40" fmla="*/ 520023 w 1131308"/>
                <a:gd name="connsiteY40" fmla="*/ 1206991 h 1271960"/>
                <a:gd name="connsiteX41" fmla="*/ 546011 w 1131308"/>
                <a:gd name="connsiteY41" fmla="*/ 1109645 h 1271960"/>
                <a:gd name="connsiteX42" fmla="*/ 532970 w 1131308"/>
                <a:gd name="connsiteY42" fmla="*/ 1077133 h 1271960"/>
                <a:gd name="connsiteX43" fmla="*/ 500508 w 1131308"/>
                <a:gd name="connsiteY43" fmla="*/ 1077133 h 1271960"/>
                <a:gd name="connsiteX44" fmla="*/ 474519 w 1131308"/>
                <a:gd name="connsiteY44" fmla="*/ 1090157 h 1271960"/>
                <a:gd name="connsiteX45" fmla="*/ 403027 w 1131308"/>
                <a:gd name="connsiteY45" fmla="*/ 1038157 h 1271960"/>
                <a:gd name="connsiteX46" fmla="*/ 383512 w 1131308"/>
                <a:gd name="connsiteY46" fmla="*/ 1025228 h 1271960"/>
                <a:gd name="connsiteX47" fmla="*/ 383512 w 1131308"/>
                <a:gd name="connsiteY47" fmla="*/ 966763 h 1271960"/>
                <a:gd name="connsiteX48" fmla="*/ 312020 w 1131308"/>
                <a:gd name="connsiteY48" fmla="*/ 954500 h 1271960"/>
                <a:gd name="connsiteX49" fmla="*/ 292505 w 1131308"/>
                <a:gd name="connsiteY49" fmla="*/ 980452 h 1271960"/>
                <a:gd name="connsiteX50" fmla="*/ 227486 w 1131308"/>
                <a:gd name="connsiteY50" fmla="*/ 954500 h 1271960"/>
                <a:gd name="connsiteX51" fmla="*/ 201497 w 1131308"/>
                <a:gd name="connsiteY51" fmla="*/ 967524 h 1271960"/>
                <a:gd name="connsiteX52" fmla="*/ 142952 w 1131308"/>
                <a:gd name="connsiteY52" fmla="*/ 948036 h 1271960"/>
                <a:gd name="connsiteX53" fmla="*/ 64891 w 1131308"/>
                <a:gd name="connsiteY53" fmla="*/ 915523 h 1271960"/>
                <a:gd name="connsiteX54" fmla="*/ 38903 w 1131308"/>
                <a:gd name="connsiteY54" fmla="*/ 928547 h 1271960"/>
                <a:gd name="connsiteX55" fmla="*/ 38903 w 1131308"/>
                <a:gd name="connsiteY55" fmla="*/ 902214 h 1271960"/>
                <a:gd name="connsiteX56" fmla="*/ 45376 w 1131308"/>
                <a:gd name="connsiteY56" fmla="*/ 882726 h 1271960"/>
                <a:gd name="connsiteX57" fmla="*/ 6441 w 1131308"/>
                <a:gd name="connsiteY57" fmla="*/ 863713 h 1271960"/>
                <a:gd name="connsiteX58" fmla="*/ -128 w 1131308"/>
                <a:gd name="connsiteY58" fmla="*/ 805249 h 1271960"/>
                <a:gd name="connsiteX59" fmla="*/ 32429 w 1131308"/>
                <a:gd name="connsiteY59" fmla="*/ 701344 h 1271960"/>
                <a:gd name="connsiteX60" fmla="*/ 71460 w 1131308"/>
                <a:gd name="connsiteY60" fmla="*/ 610462 h 1271960"/>
                <a:gd name="connsiteX61" fmla="*/ 64891 w 1131308"/>
                <a:gd name="connsiteY61" fmla="*/ 539069 h 1271960"/>
                <a:gd name="connsiteX62" fmla="*/ 45376 w 1131308"/>
                <a:gd name="connsiteY62" fmla="*/ 493628 h 1271960"/>
                <a:gd name="connsiteX63" fmla="*/ 77933 w 1131308"/>
                <a:gd name="connsiteY63" fmla="*/ 409211 h 1271960"/>
                <a:gd name="connsiteX64" fmla="*/ 90975 w 1131308"/>
                <a:gd name="connsiteY64" fmla="*/ 389723 h 1271960"/>
                <a:gd name="connsiteX65" fmla="*/ 123437 w 1131308"/>
                <a:gd name="connsiteY65" fmla="*/ 285817 h 1271960"/>
                <a:gd name="connsiteX66" fmla="*/ 91165 w 1131308"/>
                <a:gd name="connsiteY66" fmla="*/ 233342 h 1271960"/>
                <a:gd name="connsiteX67" fmla="*/ 104112 w 1131308"/>
                <a:gd name="connsiteY67" fmla="*/ 200925 h 1271960"/>
                <a:gd name="connsiteX68" fmla="*/ 71650 w 1131308"/>
                <a:gd name="connsiteY68" fmla="*/ 122972 h 1271960"/>
                <a:gd name="connsiteX69" fmla="*/ 104112 w 1131308"/>
                <a:gd name="connsiteY69" fmla="*/ 97020 h 1271960"/>
                <a:gd name="connsiteX70" fmla="*/ 136669 w 1131308"/>
                <a:gd name="connsiteY70" fmla="*/ 135996 h 1271960"/>
                <a:gd name="connsiteX71" fmla="*/ 169131 w 1131308"/>
                <a:gd name="connsiteY71" fmla="*/ 122972 h 1271960"/>
                <a:gd name="connsiteX72" fmla="*/ 175604 w 1131308"/>
                <a:gd name="connsiteY72" fmla="*/ 97020 h 1271960"/>
                <a:gd name="connsiteX73" fmla="*/ 240623 w 1131308"/>
                <a:gd name="connsiteY73" fmla="*/ 64603 h 1271960"/>
                <a:gd name="connsiteX74" fmla="*/ 227486 w 1131308"/>
                <a:gd name="connsiteY74" fmla="*/ 32376 h 1271960"/>
                <a:gd name="connsiteX75" fmla="*/ 259948 w 1131308"/>
                <a:gd name="connsiteY75" fmla="*/ -41 h 1271960"/>
                <a:gd name="connsiteX76" fmla="*/ 350955 w 1131308"/>
                <a:gd name="connsiteY76" fmla="*/ 71352 h 127196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</a:cxnLst>
              <a:rect l="l" t="t" r="r" b="b"/>
              <a:pathLst>
                <a:path w="1131308" h="1271960">
                  <a:moveTo>
                    <a:pt x="350955" y="71067"/>
                  </a:moveTo>
                  <a:lnTo>
                    <a:pt x="422542" y="110043"/>
                  </a:lnTo>
                  <a:lnTo>
                    <a:pt x="467951" y="77531"/>
                  </a:lnTo>
                  <a:lnTo>
                    <a:pt x="578473" y="142460"/>
                  </a:lnTo>
                  <a:lnTo>
                    <a:pt x="604557" y="149020"/>
                  </a:lnTo>
                  <a:lnTo>
                    <a:pt x="623596" y="194461"/>
                  </a:lnTo>
                  <a:lnTo>
                    <a:pt x="662626" y="220413"/>
                  </a:lnTo>
                  <a:lnTo>
                    <a:pt x="786381" y="285342"/>
                  </a:lnTo>
                  <a:lnTo>
                    <a:pt x="910136" y="434688"/>
                  </a:lnTo>
                  <a:lnTo>
                    <a:pt x="942693" y="454176"/>
                  </a:lnTo>
                  <a:lnTo>
                    <a:pt x="1131181" y="603522"/>
                  </a:lnTo>
                  <a:lnTo>
                    <a:pt x="1098719" y="642404"/>
                  </a:lnTo>
                  <a:lnTo>
                    <a:pt x="1072635" y="642404"/>
                  </a:lnTo>
                  <a:lnTo>
                    <a:pt x="1027132" y="629475"/>
                  </a:lnTo>
                  <a:lnTo>
                    <a:pt x="1040173" y="596963"/>
                  </a:lnTo>
                  <a:lnTo>
                    <a:pt x="988101" y="623011"/>
                  </a:lnTo>
                  <a:lnTo>
                    <a:pt x="909850" y="564736"/>
                  </a:lnTo>
                  <a:lnTo>
                    <a:pt x="857778" y="551807"/>
                  </a:lnTo>
                  <a:lnTo>
                    <a:pt x="799328" y="519295"/>
                  </a:lnTo>
                  <a:lnTo>
                    <a:pt x="714889" y="571200"/>
                  </a:lnTo>
                  <a:lnTo>
                    <a:pt x="721362" y="636129"/>
                  </a:lnTo>
                  <a:lnTo>
                    <a:pt x="688805" y="675106"/>
                  </a:lnTo>
                  <a:lnTo>
                    <a:pt x="734309" y="753059"/>
                  </a:lnTo>
                  <a:lnTo>
                    <a:pt x="767056" y="785285"/>
                  </a:lnTo>
                  <a:lnTo>
                    <a:pt x="793045" y="830821"/>
                  </a:lnTo>
                  <a:lnTo>
                    <a:pt x="760583" y="876262"/>
                  </a:lnTo>
                  <a:lnTo>
                    <a:pt x="760583" y="954500"/>
                  </a:lnTo>
                  <a:lnTo>
                    <a:pt x="754014" y="954500"/>
                  </a:lnTo>
                  <a:lnTo>
                    <a:pt x="773530" y="1000036"/>
                  </a:lnTo>
                  <a:lnTo>
                    <a:pt x="748017" y="1025608"/>
                  </a:lnTo>
                  <a:lnTo>
                    <a:pt x="702513" y="1058025"/>
                  </a:lnTo>
                  <a:lnTo>
                    <a:pt x="657010" y="1051561"/>
                  </a:lnTo>
                  <a:lnTo>
                    <a:pt x="657010" y="1058025"/>
                  </a:lnTo>
                  <a:lnTo>
                    <a:pt x="637019" y="1116109"/>
                  </a:lnTo>
                  <a:lnTo>
                    <a:pt x="611030" y="1129038"/>
                  </a:lnTo>
                  <a:lnTo>
                    <a:pt x="597988" y="1206991"/>
                  </a:lnTo>
                  <a:lnTo>
                    <a:pt x="611030" y="1252431"/>
                  </a:lnTo>
                  <a:lnTo>
                    <a:pt x="546011" y="1258991"/>
                  </a:lnTo>
                  <a:lnTo>
                    <a:pt x="506981" y="1271920"/>
                  </a:lnTo>
                  <a:lnTo>
                    <a:pt x="455004" y="1245967"/>
                  </a:lnTo>
                  <a:lnTo>
                    <a:pt x="520023" y="1206991"/>
                  </a:lnTo>
                  <a:lnTo>
                    <a:pt x="546011" y="1109645"/>
                  </a:lnTo>
                  <a:lnTo>
                    <a:pt x="532970" y="1077133"/>
                  </a:lnTo>
                  <a:lnTo>
                    <a:pt x="500508" y="1077133"/>
                  </a:lnTo>
                  <a:lnTo>
                    <a:pt x="474519" y="1090157"/>
                  </a:lnTo>
                  <a:lnTo>
                    <a:pt x="403027" y="1038157"/>
                  </a:lnTo>
                  <a:lnTo>
                    <a:pt x="383512" y="1025228"/>
                  </a:lnTo>
                  <a:lnTo>
                    <a:pt x="383512" y="966763"/>
                  </a:lnTo>
                  <a:lnTo>
                    <a:pt x="312020" y="954500"/>
                  </a:lnTo>
                  <a:lnTo>
                    <a:pt x="292505" y="980452"/>
                  </a:lnTo>
                  <a:lnTo>
                    <a:pt x="227486" y="954500"/>
                  </a:lnTo>
                  <a:lnTo>
                    <a:pt x="201497" y="967524"/>
                  </a:lnTo>
                  <a:lnTo>
                    <a:pt x="142952" y="948036"/>
                  </a:lnTo>
                  <a:lnTo>
                    <a:pt x="64891" y="915523"/>
                  </a:lnTo>
                  <a:lnTo>
                    <a:pt x="38903" y="928547"/>
                  </a:lnTo>
                  <a:lnTo>
                    <a:pt x="38903" y="902214"/>
                  </a:lnTo>
                  <a:lnTo>
                    <a:pt x="45376" y="882726"/>
                  </a:lnTo>
                  <a:lnTo>
                    <a:pt x="6441" y="863713"/>
                  </a:lnTo>
                  <a:lnTo>
                    <a:pt x="-128" y="805249"/>
                  </a:lnTo>
                  <a:lnTo>
                    <a:pt x="32429" y="701344"/>
                  </a:lnTo>
                  <a:lnTo>
                    <a:pt x="71460" y="610462"/>
                  </a:lnTo>
                  <a:lnTo>
                    <a:pt x="64891" y="539069"/>
                  </a:lnTo>
                  <a:lnTo>
                    <a:pt x="45376" y="493628"/>
                  </a:lnTo>
                  <a:lnTo>
                    <a:pt x="77933" y="409211"/>
                  </a:lnTo>
                  <a:lnTo>
                    <a:pt x="90975" y="389723"/>
                  </a:lnTo>
                  <a:lnTo>
                    <a:pt x="123437" y="285817"/>
                  </a:lnTo>
                  <a:lnTo>
                    <a:pt x="91165" y="233342"/>
                  </a:lnTo>
                  <a:lnTo>
                    <a:pt x="104112" y="200925"/>
                  </a:lnTo>
                  <a:lnTo>
                    <a:pt x="71650" y="122972"/>
                  </a:lnTo>
                  <a:lnTo>
                    <a:pt x="104112" y="97020"/>
                  </a:lnTo>
                  <a:lnTo>
                    <a:pt x="136669" y="135996"/>
                  </a:lnTo>
                  <a:lnTo>
                    <a:pt x="169131" y="122972"/>
                  </a:lnTo>
                  <a:lnTo>
                    <a:pt x="175604" y="97020"/>
                  </a:lnTo>
                  <a:lnTo>
                    <a:pt x="240623" y="64603"/>
                  </a:lnTo>
                  <a:lnTo>
                    <a:pt x="227486" y="32376"/>
                  </a:lnTo>
                  <a:lnTo>
                    <a:pt x="259948" y="-41"/>
                  </a:lnTo>
                  <a:lnTo>
                    <a:pt x="350955" y="71352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904" name="Freihandform 26903">
              <a:extLst>
                <a:ext uri="{FF2B5EF4-FFF2-40B4-BE49-F238E27FC236}">
                  <a16:creationId xmlns:a16="http://schemas.microsoft.com/office/drawing/2014/main" id="{5D90A742-AC6B-F6CD-D06D-3E2F66F45418}"/>
                </a:ext>
              </a:extLst>
            </p:cNvPr>
            <p:cNvSpPr/>
            <p:nvPr/>
          </p:nvSpPr>
          <p:spPr>
            <a:xfrm>
              <a:off x="5275592" y="2490945"/>
              <a:ext cx="1547980" cy="1675318"/>
            </a:xfrm>
            <a:custGeom>
              <a:avLst/>
              <a:gdLst>
                <a:gd name="connsiteX0" fmla="*/ 520308 w 1547980"/>
                <a:gd name="connsiteY0" fmla="*/ -41 h 1675318"/>
                <a:gd name="connsiteX1" fmla="*/ 552770 w 1547980"/>
                <a:gd name="connsiteY1" fmla="*/ 25911 h 1675318"/>
                <a:gd name="connsiteX2" fmla="*/ 604842 w 1547980"/>
                <a:gd name="connsiteY2" fmla="*/ 6423 h 1675318"/>
                <a:gd name="connsiteX3" fmla="*/ 604842 w 1547980"/>
                <a:gd name="connsiteY3" fmla="*/ 25911 h 1675318"/>
                <a:gd name="connsiteX4" fmla="*/ 669861 w 1547980"/>
                <a:gd name="connsiteY4" fmla="*/ 38935 h 1675318"/>
                <a:gd name="connsiteX5" fmla="*/ 650822 w 1547980"/>
                <a:gd name="connsiteY5" fmla="*/ 71352 h 1675318"/>
                <a:gd name="connsiteX6" fmla="*/ 676810 w 1547980"/>
                <a:gd name="connsiteY6" fmla="*/ 97305 h 1675318"/>
                <a:gd name="connsiteX7" fmla="*/ 748303 w 1547980"/>
                <a:gd name="connsiteY7" fmla="*/ 84376 h 1675318"/>
                <a:gd name="connsiteX8" fmla="*/ 813322 w 1547980"/>
                <a:gd name="connsiteY8" fmla="*/ 110328 h 1675318"/>
                <a:gd name="connsiteX9" fmla="*/ 761344 w 1547980"/>
                <a:gd name="connsiteY9" fmla="*/ 168793 h 1675318"/>
                <a:gd name="connsiteX10" fmla="*/ 728788 w 1547980"/>
                <a:gd name="connsiteY10" fmla="*/ 207769 h 1675318"/>
                <a:gd name="connsiteX11" fmla="*/ 644254 w 1547980"/>
                <a:gd name="connsiteY11" fmla="*/ 214234 h 1675318"/>
                <a:gd name="connsiteX12" fmla="*/ 585803 w 1547980"/>
                <a:gd name="connsiteY12" fmla="*/ 279163 h 1675318"/>
                <a:gd name="connsiteX13" fmla="*/ 559815 w 1547980"/>
                <a:gd name="connsiteY13" fmla="*/ 337627 h 1675318"/>
                <a:gd name="connsiteX14" fmla="*/ 572761 w 1547980"/>
                <a:gd name="connsiteY14" fmla="*/ 370139 h 1675318"/>
                <a:gd name="connsiteX15" fmla="*/ 663769 w 1547980"/>
                <a:gd name="connsiteY15" fmla="*/ 409021 h 1675318"/>
                <a:gd name="connsiteX16" fmla="*/ 761344 w 1547980"/>
                <a:gd name="connsiteY16" fmla="*/ 337627 h 1675318"/>
                <a:gd name="connsiteX17" fmla="*/ 852352 w 1547980"/>
                <a:gd name="connsiteY17" fmla="*/ 461211 h 1675318"/>
                <a:gd name="connsiteX18" fmla="*/ 852352 w 1547980"/>
                <a:gd name="connsiteY18" fmla="*/ 506652 h 1675318"/>
                <a:gd name="connsiteX19" fmla="*/ 1008378 w 1547980"/>
                <a:gd name="connsiteY19" fmla="*/ 571581 h 1675318"/>
                <a:gd name="connsiteX20" fmla="*/ 1164404 w 1547980"/>
                <a:gd name="connsiteY20" fmla="*/ 681950 h 1675318"/>
                <a:gd name="connsiteX21" fmla="*/ 1300915 w 1547980"/>
                <a:gd name="connsiteY21" fmla="*/ 727486 h 1675318"/>
                <a:gd name="connsiteX22" fmla="*/ 1378880 w 1547980"/>
                <a:gd name="connsiteY22" fmla="*/ 766367 h 1675318"/>
                <a:gd name="connsiteX23" fmla="*/ 1443899 w 1547980"/>
                <a:gd name="connsiteY23" fmla="*/ 727486 h 1675318"/>
                <a:gd name="connsiteX24" fmla="*/ 1547853 w 1547980"/>
                <a:gd name="connsiteY24" fmla="*/ 928737 h 1675318"/>
                <a:gd name="connsiteX25" fmla="*/ 1534907 w 1547980"/>
                <a:gd name="connsiteY25" fmla="*/ 961154 h 1675318"/>
                <a:gd name="connsiteX26" fmla="*/ 1404869 w 1547980"/>
                <a:gd name="connsiteY26" fmla="*/ 1045571 h 1675318"/>
                <a:gd name="connsiteX27" fmla="*/ 1443899 w 1547980"/>
                <a:gd name="connsiteY27" fmla="*/ 1078084 h 1675318"/>
                <a:gd name="connsiteX28" fmla="*/ 1404869 w 1547980"/>
                <a:gd name="connsiteY28" fmla="*/ 1155941 h 1675318"/>
                <a:gd name="connsiteX29" fmla="*/ 1463414 w 1547980"/>
                <a:gd name="connsiteY29" fmla="*/ 1227430 h 1675318"/>
                <a:gd name="connsiteX30" fmla="*/ 1411438 w 1547980"/>
                <a:gd name="connsiteY30" fmla="*/ 1266311 h 1675318"/>
                <a:gd name="connsiteX31" fmla="*/ 1443899 w 1547980"/>
                <a:gd name="connsiteY31" fmla="*/ 1350823 h 1675318"/>
                <a:gd name="connsiteX32" fmla="*/ 1495400 w 1547980"/>
                <a:gd name="connsiteY32" fmla="*/ 1396454 h 1675318"/>
                <a:gd name="connsiteX33" fmla="*/ 1475885 w 1547980"/>
                <a:gd name="connsiteY33" fmla="*/ 1415467 h 1675318"/>
                <a:gd name="connsiteX34" fmla="*/ 1371931 w 1547980"/>
                <a:gd name="connsiteY34" fmla="*/ 1357002 h 1675318"/>
                <a:gd name="connsiteX35" fmla="*/ 1313576 w 1547980"/>
                <a:gd name="connsiteY35" fmla="*/ 1441514 h 1675318"/>
                <a:gd name="connsiteX36" fmla="*/ 1261599 w 1547980"/>
                <a:gd name="connsiteY36" fmla="*/ 1461003 h 1675318"/>
                <a:gd name="connsiteX37" fmla="*/ 1255126 w 1547980"/>
                <a:gd name="connsiteY37" fmla="*/ 1506443 h 1675318"/>
                <a:gd name="connsiteX38" fmla="*/ 1183633 w 1547980"/>
                <a:gd name="connsiteY38" fmla="*/ 1493420 h 1675318"/>
                <a:gd name="connsiteX39" fmla="*/ 1085868 w 1547980"/>
                <a:gd name="connsiteY39" fmla="*/ 1539050 h 1675318"/>
                <a:gd name="connsiteX40" fmla="*/ 1014375 w 1547980"/>
                <a:gd name="connsiteY40" fmla="*/ 1532586 h 1675318"/>
                <a:gd name="connsiteX41" fmla="*/ 949356 w 1547980"/>
                <a:gd name="connsiteY41" fmla="*/ 1578027 h 1675318"/>
                <a:gd name="connsiteX42" fmla="*/ 955830 w 1547980"/>
                <a:gd name="connsiteY42" fmla="*/ 1623468 h 1675318"/>
                <a:gd name="connsiteX43" fmla="*/ 923273 w 1547980"/>
                <a:gd name="connsiteY43" fmla="*/ 1675277 h 1675318"/>
                <a:gd name="connsiteX44" fmla="*/ 858254 w 1547980"/>
                <a:gd name="connsiteY44" fmla="*/ 1675277 h 1675318"/>
                <a:gd name="connsiteX45" fmla="*/ 864727 w 1547980"/>
                <a:gd name="connsiteY45" fmla="*/ 1629742 h 1675318"/>
                <a:gd name="connsiteX46" fmla="*/ 786762 w 1547980"/>
                <a:gd name="connsiteY46" fmla="*/ 1545325 h 1675318"/>
                <a:gd name="connsiteX47" fmla="*/ 838739 w 1547980"/>
                <a:gd name="connsiteY47" fmla="*/ 1532396 h 1675318"/>
                <a:gd name="connsiteX48" fmla="*/ 857778 w 1547980"/>
                <a:gd name="connsiteY48" fmla="*/ 1467467 h 1675318"/>
                <a:gd name="connsiteX49" fmla="*/ 805801 w 1547980"/>
                <a:gd name="connsiteY49" fmla="*/ 1350633 h 1675318"/>
                <a:gd name="connsiteX50" fmla="*/ 727741 w 1547980"/>
                <a:gd name="connsiteY50" fmla="*/ 1305097 h 1675318"/>
                <a:gd name="connsiteX51" fmla="*/ 734214 w 1547980"/>
                <a:gd name="connsiteY51" fmla="*/ 1259656 h 1675318"/>
                <a:gd name="connsiteX52" fmla="*/ 689281 w 1547980"/>
                <a:gd name="connsiteY52" fmla="*/ 1272870 h 1675318"/>
                <a:gd name="connsiteX53" fmla="*/ 670242 w 1547980"/>
                <a:gd name="connsiteY53" fmla="*/ 1240358 h 1675318"/>
                <a:gd name="connsiteX54" fmla="*/ 611697 w 1547980"/>
                <a:gd name="connsiteY54" fmla="*/ 1155941 h 1675318"/>
                <a:gd name="connsiteX55" fmla="*/ 663673 w 1547980"/>
                <a:gd name="connsiteY55" fmla="*/ 961154 h 1675318"/>
                <a:gd name="connsiteX56" fmla="*/ 624643 w 1547980"/>
                <a:gd name="connsiteY56" fmla="*/ 935202 h 1675318"/>
                <a:gd name="connsiteX57" fmla="*/ 546678 w 1547980"/>
                <a:gd name="connsiteY57" fmla="*/ 896321 h 1675318"/>
                <a:gd name="connsiteX58" fmla="*/ 527639 w 1547980"/>
                <a:gd name="connsiteY58" fmla="*/ 850785 h 1675318"/>
                <a:gd name="connsiteX59" fmla="*/ 417116 w 1547980"/>
                <a:gd name="connsiteY59" fmla="*/ 857249 h 1675318"/>
                <a:gd name="connsiteX60" fmla="*/ 365139 w 1547980"/>
                <a:gd name="connsiteY60" fmla="*/ 831296 h 1675318"/>
                <a:gd name="connsiteX61" fmla="*/ 397601 w 1547980"/>
                <a:gd name="connsiteY61" fmla="*/ 766367 h 1675318"/>
                <a:gd name="connsiteX62" fmla="*/ 365139 w 1547980"/>
                <a:gd name="connsiteY62" fmla="*/ 714462 h 1675318"/>
                <a:gd name="connsiteX63" fmla="*/ 390176 w 1547980"/>
                <a:gd name="connsiteY63" fmla="*/ 635939 h 1675318"/>
                <a:gd name="connsiteX64" fmla="*/ 416164 w 1547980"/>
                <a:gd name="connsiteY64" fmla="*/ 635939 h 1675318"/>
                <a:gd name="connsiteX65" fmla="*/ 357714 w 1547980"/>
                <a:gd name="connsiteY65" fmla="*/ 557986 h 1675318"/>
                <a:gd name="connsiteX66" fmla="*/ 357714 w 1547980"/>
                <a:gd name="connsiteY66" fmla="*/ 493343 h 1675318"/>
                <a:gd name="connsiteX67" fmla="*/ 318683 w 1547980"/>
                <a:gd name="connsiteY67" fmla="*/ 512831 h 1675318"/>
                <a:gd name="connsiteX68" fmla="*/ 292695 w 1547980"/>
                <a:gd name="connsiteY68" fmla="*/ 603712 h 1675318"/>
                <a:gd name="connsiteX69" fmla="*/ 195310 w 1547980"/>
                <a:gd name="connsiteY69" fmla="*/ 603712 h 1675318"/>
                <a:gd name="connsiteX70" fmla="*/ 169321 w 1547980"/>
                <a:gd name="connsiteY70" fmla="*/ 616926 h 1675318"/>
                <a:gd name="connsiteX71" fmla="*/ 117249 w 1547980"/>
                <a:gd name="connsiteY71" fmla="*/ 597438 h 1675318"/>
                <a:gd name="connsiteX72" fmla="*/ 84787 w 1547980"/>
                <a:gd name="connsiteY72" fmla="*/ 519581 h 1675318"/>
                <a:gd name="connsiteX73" fmla="*/ 71745 w 1547980"/>
                <a:gd name="connsiteY73" fmla="*/ 513021 h 1675318"/>
                <a:gd name="connsiteX74" fmla="*/ 39284 w 1547980"/>
                <a:gd name="connsiteY74" fmla="*/ 506557 h 1675318"/>
                <a:gd name="connsiteX75" fmla="*/ 65272 w 1547980"/>
                <a:gd name="connsiteY75" fmla="*/ 454557 h 1675318"/>
                <a:gd name="connsiteX76" fmla="*/ 19768 w 1547980"/>
                <a:gd name="connsiteY76" fmla="*/ 441628 h 1675318"/>
                <a:gd name="connsiteX77" fmla="*/ 19768 w 1547980"/>
                <a:gd name="connsiteY77" fmla="*/ 409116 h 1675318"/>
                <a:gd name="connsiteX78" fmla="*/ 58703 w 1547980"/>
                <a:gd name="connsiteY78" fmla="*/ 422140 h 1675318"/>
                <a:gd name="connsiteX79" fmla="*/ 52230 w 1547980"/>
                <a:gd name="connsiteY79" fmla="*/ 396187 h 1675318"/>
                <a:gd name="connsiteX80" fmla="*/ 78219 w 1547980"/>
                <a:gd name="connsiteY80" fmla="*/ 370234 h 1675318"/>
                <a:gd name="connsiteX81" fmla="*/ 97258 w 1547980"/>
                <a:gd name="connsiteY81" fmla="*/ 305210 h 1675318"/>
                <a:gd name="connsiteX82" fmla="*/ 32239 w 1547980"/>
                <a:gd name="connsiteY82" fmla="*/ 337722 h 1675318"/>
                <a:gd name="connsiteX83" fmla="*/ -128 w 1547980"/>
                <a:gd name="connsiteY83" fmla="*/ 292187 h 1675318"/>
                <a:gd name="connsiteX84" fmla="*/ 71365 w 1547980"/>
                <a:gd name="connsiteY84" fmla="*/ 266234 h 1675318"/>
                <a:gd name="connsiteX85" fmla="*/ 90880 w 1547980"/>
                <a:gd name="connsiteY85" fmla="*/ 233722 h 1675318"/>
                <a:gd name="connsiteX86" fmla="*/ 129910 w 1547980"/>
                <a:gd name="connsiteY86" fmla="*/ 194746 h 1675318"/>
                <a:gd name="connsiteX87" fmla="*/ 142857 w 1547980"/>
                <a:gd name="connsiteY87" fmla="*/ 227258 h 1675318"/>
                <a:gd name="connsiteX88" fmla="*/ 220917 w 1547980"/>
                <a:gd name="connsiteY88" fmla="*/ 181817 h 1675318"/>
                <a:gd name="connsiteX89" fmla="*/ 246906 w 1547980"/>
                <a:gd name="connsiteY89" fmla="*/ 149305 h 1675318"/>
                <a:gd name="connsiteX90" fmla="*/ 240337 w 1547980"/>
                <a:gd name="connsiteY90" fmla="*/ 116793 h 1675318"/>
                <a:gd name="connsiteX91" fmla="*/ 318398 w 1547980"/>
                <a:gd name="connsiteY91" fmla="*/ 123352 h 1675318"/>
                <a:gd name="connsiteX92" fmla="*/ 344386 w 1547980"/>
                <a:gd name="connsiteY92" fmla="*/ 77911 h 1675318"/>
                <a:gd name="connsiteX93" fmla="*/ 415879 w 1547980"/>
                <a:gd name="connsiteY93" fmla="*/ 103864 h 1675318"/>
                <a:gd name="connsiteX94" fmla="*/ 434918 w 1547980"/>
                <a:gd name="connsiteY94" fmla="*/ 84851 h 1675318"/>
                <a:gd name="connsiteX95" fmla="*/ 454433 w 1547980"/>
                <a:gd name="connsiteY95" fmla="*/ 45875 h 1675318"/>
                <a:gd name="connsiteX96" fmla="*/ 519452 w 1547980"/>
                <a:gd name="connsiteY96" fmla="*/ 434 h 167531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</a:cxnLst>
              <a:rect l="l" t="t" r="r" b="b"/>
              <a:pathLst>
                <a:path w="1547980" h="1675318">
                  <a:moveTo>
                    <a:pt x="520308" y="-41"/>
                  </a:moveTo>
                  <a:lnTo>
                    <a:pt x="552770" y="25911"/>
                  </a:lnTo>
                  <a:lnTo>
                    <a:pt x="604842" y="6423"/>
                  </a:lnTo>
                  <a:lnTo>
                    <a:pt x="604842" y="25911"/>
                  </a:lnTo>
                  <a:lnTo>
                    <a:pt x="669861" y="38935"/>
                  </a:lnTo>
                  <a:lnTo>
                    <a:pt x="650822" y="71352"/>
                  </a:lnTo>
                  <a:lnTo>
                    <a:pt x="676810" y="97305"/>
                  </a:lnTo>
                  <a:lnTo>
                    <a:pt x="748303" y="84376"/>
                  </a:lnTo>
                  <a:lnTo>
                    <a:pt x="813322" y="110328"/>
                  </a:lnTo>
                  <a:lnTo>
                    <a:pt x="761344" y="168793"/>
                  </a:lnTo>
                  <a:lnTo>
                    <a:pt x="728788" y="207769"/>
                  </a:lnTo>
                  <a:lnTo>
                    <a:pt x="644254" y="214234"/>
                  </a:lnTo>
                  <a:lnTo>
                    <a:pt x="585803" y="279163"/>
                  </a:lnTo>
                  <a:lnTo>
                    <a:pt x="559815" y="337627"/>
                  </a:lnTo>
                  <a:lnTo>
                    <a:pt x="572761" y="370139"/>
                  </a:lnTo>
                  <a:lnTo>
                    <a:pt x="663769" y="409021"/>
                  </a:lnTo>
                  <a:lnTo>
                    <a:pt x="761344" y="337627"/>
                  </a:lnTo>
                  <a:lnTo>
                    <a:pt x="852352" y="461211"/>
                  </a:lnTo>
                  <a:lnTo>
                    <a:pt x="852352" y="506652"/>
                  </a:lnTo>
                  <a:lnTo>
                    <a:pt x="1008378" y="571581"/>
                  </a:lnTo>
                  <a:lnTo>
                    <a:pt x="1164404" y="681950"/>
                  </a:lnTo>
                  <a:lnTo>
                    <a:pt x="1300915" y="727486"/>
                  </a:lnTo>
                  <a:lnTo>
                    <a:pt x="1378880" y="766367"/>
                  </a:lnTo>
                  <a:lnTo>
                    <a:pt x="1443899" y="727486"/>
                  </a:lnTo>
                  <a:lnTo>
                    <a:pt x="1547853" y="928737"/>
                  </a:lnTo>
                  <a:lnTo>
                    <a:pt x="1534907" y="961154"/>
                  </a:lnTo>
                  <a:lnTo>
                    <a:pt x="1404869" y="1045571"/>
                  </a:lnTo>
                  <a:lnTo>
                    <a:pt x="1443899" y="1078084"/>
                  </a:lnTo>
                  <a:lnTo>
                    <a:pt x="1404869" y="1155941"/>
                  </a:lnTo>
                  <a:lnTo>
                    <a:pt x="1463414" y="1227430"/>
                  </a:lnTo>
                  <a:lnTo>
                    <a:pt x="1411438" y="1266311"/>
                  </a:lnTo>
                  <a:lnTo>
                    <a:pt x="1443899" y="1350823"/>
                  </a:lnTo>
                  <a:lnTo>
                    <a:pt x="1495400" y="1396454"/>
                  </a:lnTo>
                  <a:lnTo>
                    <a:pt x="1475885" y="1415467"/>
                  </a:lnTo>
                  <a:lnTo>
                    <a:pt x="1371931" y="1357002"/>
                  </a:lnTo>
                  <a:lnTo>
                    <a:pt x="1313576" y="1441514"/>
                  </a:lnTo>
                  <a:lnTo>
                    <a:pt x="1261599" y="1461003"/>
                  </a:lnTo>
                  <a:lnTo>
                    <a:pt x="1255126" y="1506443"/>
                  </a:lnTo>
                  <a:lnTo>
                    <a:pt x="1183633" y="1493420"/>
                  </a:lnTo>
                  <a:lnTo>
                    <a:pt x="1085868" y="1539050"/>
                  </a:lnTo>
                  <a:lnTo>
                    <a:pt x="1014375" y="1532586"/>
                  </a:lnTo>
                  <a:lnTo>
                    <a:pt x="949356" y="1578027"/>
                  </a:lnTo>
                  <a:lnTo>
                    <a:pt x="955830" y="1623468"/>
                  </a:lnTo>
                  <a:lnTo>
                    <a:pt x="923273" y="1675277"/>
                  </a:lnTo>
                  <a:lnTo>
                    <a:pt x="858254" y="1675277"/>
                  </a:lnTo>
                  <a:lnTo>
                    <a:pt x="864727" y="1629742"/>
                  </a:lnTo>
                  <a:lnTo>
                    <a:pt x="786762" y="1545325"/>
                  </a:lnTo>
                  <a:lnTo>
                    <a:pt x="838739" y="1532396"/>
                  </a:lnTo>
                  <a:lnTo>
                    <a:pt x="857778" y="1467467"/>
                  </a:lnTo>
                  <a:lnTo>
                    <a:pt x="805801" y="1350633"/>
                  </a:lnTo>
                  <a:lnTo>
                    <a:pt x="727741" y="1305097"/>
                  </a:lnTo>
                  <a:lnTo>
                    <a:pt x="734214" y="1259656"/>
                  </a:lnTo>
                  <a:lnTo>
                    <a:pt x="689281" y="1272870"/>
                  </a:lnTo>
                  <a:lnTo>
                    <a:pt x="670242" y="1240358"/>
                  </a:lnTo>
                  <a:lnTo>
                    <a:pt x="611697" y="1155941"/>
                  </a:lnTo>
                  <a:lnTo>
                    <a:pt x="663673" y="961154"/>
                  </a:lnTo>
                  <a:lnTo>
                    <a:pt x="624643" y="935202"/>
                  </a:lnTo>
                  <a:lnTo>
                    <a:pt x="546678" y="896321"/>
                  </a:lnTo>
                  <a:lnTo>
                    <a:pt x="527639" y="850785"/>
                  </a:lnTo>
                  <a:lnTo>
                    <a:pt x="417116" y="857249"/>
                  </a:lnTo>
                  <a:lnTo>
                    <a:pt x="365139" y="831296"/>
                  </a:lnTo>
                  <a:lnTo>
                    <a:pt x="397601" y="766367"/>
                  </a:lnTo>
                  <a:lnTo>
                    <a:pt x="365139" y="714462"/>
                  </a:lnTo>
                  <a:lnTo>
                    <a:pt x="390176" y="635939"/>
                  </a:lnTo>
                  <a:lnTo>
                    <a:pt x="416164" y="635939"/>
                  </a:lnTo>
                  <a:lnTo>
                    <a:pt x="357714" y="557986"/>
                  </a:lnTo>
                  <a:lnTo>
                    <a:pt x="357714" y="493343"/>
                  </a:lnTo>
                  <a:lnTo>
                    <a:pt x="318683" y="512831"/>
                  </a:lnTo>
                  <a:lnTo>
                    <a:pt x="292695" y="603712"/>
                  </a:lnTo>
                  <a:lnTo>
                    <a:pt x="195310" y="603712"/>
                  </a:lnTo>
                  <a:lnTo>
                    <a:pt x="169321" y="616926"/>
                  </a:lnTo>
                  <a:lnTo>
                    <a:pt x="117249" y="597438"/>
                  </a:lnTo>
                  <a:lnTo>
                    <a:pt x="84787" y="519581"/>
                  </a:lnTo>
                  <a:lnTo>
                    <a:pt x="71745" y="513021"/>
                  </a:lnTo>
                  <a:lnTo>
                    <a:pt x="39284" y="506557"/>
                  </a:lnTo>
                  <a:lnTo>
                    <a:pt x="65272" y="454557"/>
                  </a:lnTo>
                  <a:lnTo>
                    <a:pt x="19768" y="441628"/>
                  </a:lnTo>
                  <a:lnTo>
                    <a:pt x="19768" y="409116"/>
                  </a:lnTo>
                  <a:lnTo>
                    <a:pt x="58703" y="422140"/>
                  </a:lnTo>
                  <a:lnTo>
                    <a:pt x="52230" y="396187"/>
                  </a:lnTo>
                  <a:lnTo>
                    <a:pt x="78219" y="370234"/>
                  </a:lnTo>
                  <a:lnTo>
                    <a:pt x="97258" y="305210"/>
                  </a:lnTo>
                  <a:lnTo>
                    <a:pt x="32239" y="337722"/>
                  </a:lnTo>
                  <a:lnTo>
                    <a:pt x="-128" y="292187"/>
                  </a:lnTo>
                  <a:lnTo>
                    <a:pt x="71365" y="266234"/>
                  </a:lnTo>
                  <a:lnTo>
                    <a:pt x="90880" y="233722"/>
                  </a:lnTo>
                  <a:lnTo>
                    <a:pt x="129910" y="194746"/>
                  </a:lnTo>
                  <a:lnTo>
                    <a:pt x="142857" y="227258"/>
                  </a:lnTo>
                  <a:lnTo>
                    <a:pt x="220917" y="181817"/>
                  </a:lnTo>
                  <a:lnTo>
                    <a:pt x="246906" y="149305"/>
                  </a:lnTo>
                  <a:lnTo>
                    <a:pt x="240337" y="116793"/>
                  </a:lnTo>
                  <a:lnTo>
                    <a:pt x="318398" y="123352"/>
                  </a:lnTo>
                  <a:lnTo>
                    <a:pt x="344386" y="77911"/>
                  </a:lnTo>
                  <a:lnTo>
                    <a:pt x="415879" y="103864"/>
                  </a:lnTo>
                  <a:lnTo>
                    <a:pt x="434918" y="84851"/>
                  </a:lnTo>
                  <a:lnTo>
                    <a:pt x="454433" y="45875"/>
                  </a:lnTo>
                  <a:lnTo>
                    <a:pt x="519452" y="434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906" name="Freihandform 26905">
              <a:extLst>
                <a:ext uri="{FF2B5EF4-FFF2-40B4-BE49-F238E27FC236}">
                  <a16:creationId xmlns:a16="http://schemas.microsoft.com/office/drawing/2014/main" id="{84B9DC70-E2C9-C83E-5526-0F58A0102699}"/>
                </a:ext>
              </a:extLst>
            </p:cNvPr>
            <p:cNvSpPr/>
            <p:nvPr/>
          </p:nvSpPr>
          <p:spPr>
            <a:xfrm>
              <a:off x="4943835" y="822091"/>
              <a:ext cx="1138162" cy="1214446"/>
            </a:xfrm>
            <a:custGeom>
              <a:avLst/>
              <a:gdLst>
                <a:gd name="connsiteX0" fmla="*/ 481564 w 1138162"/>
                <a:gd name="connsiteY0" fmla="*/ -41 h 1214446"/>
                <a:gd name="connsiteX1" fmla="*/ 533541 w 1138162"/>
                <a:gd name="connsiteY1" fmla="*/ 32471 h 1214446"/>
                <a:gd name="connsiteX2" fmla="*/ 605033 w 1138162"/>
                <a:gd name="connsiteY2" fmla="*/ 19447 h 1214446"/>
                <a:gd name="connsiteX3" fmla="*/ 663578 w 1138162"/>
                <a:gd name="connsiteY3" fmla="*/ 64888 h 1214446"/>
                <a:gd name="connsiteX4" fmla="*/ 735071 w 1138162"/>
                <a:gd name="connsiteY4" fmla="*/ 77912 h 1214446"/>
                <a:gd name="connsiteX5" fmla="*/ 761059 w 1138162"/>
                <a:gd name="connsiteY5" fmla="*/ 123352 h 1214446"/>
                <a:gd name="connsiteX6" fmla="*/ 780098 w 1138162"/>
                <a:gd name="connsiteY6" fmla="*/ 116888 h 1214446"/>
                <a:gd name="connsiteX7" fmla="*/ 819129 w 1138162"/>
                <a:gd name="connsiteY7" fmla="*/ 45400 h 1214446"/>
                <a:gd name="connsiteX8" fmla="*/ 871105 w 1138162"/>
                <a:gd name="connsiteY8" fmla="*/ 58423 h 1214446"/>
                <a:gd name="connsiteX9" fmla="*/ 910041 w 1138162"/>
                <a:gd name="connsiteY9" fmla="*/ 25911 h 1214446"/>
                <a:gd name="connsiteX10" fmla="*/ 942598 w 1138162"/>
                <a:gd name="connsiteY10" fmla="*/ 129912 h 1214446"/>
                <a:gd name="connsiteX11" fmla="*/ 1014090 w 1138162"/>
                <a:gd name="connsiteY11" fmla="*/ 155864 h 1214446"/>
                <a:gd name="connsiteX12" fmla="*/ 1014090 w 1138162"/>
                <a:gd name="connsiteY12" fmla="*/ 188281 h 1214446"/>
                <a:gd name="connsiteX13" fmla="*/ 969443 w 1138162"/>
                <a:gd name="connsiteY13" fmla="*/ 156340 h 1214446"/>
                <a:gd name="connsiteX14" fmla="*/ 930413 w 1138162"/>
                <a:gd name="connsiteY14" fmla="*/ 156340 h 1214446"/>
                <a:gd name="connsiteX15" fmla="*/ 904424 w 1138162"/>
                <a:gd name="connsiteY15" fmla="*/ 208245 h 1214446"/>
                <a:gd name="connsiteX16" fmla="*/ 897951 w 1138162"/>
                <a:gd name="connsiteY16" fmla="*/ 175828 h 1214446"/>
                <a:gd name="connsiteX17" fmla="*/ 859016 w 1138162"/>
                <a:gd name="connsiteY17" fmla="*/ 188757 h 1214446"/>
                <a:gd name="connsiteX18" fmla="*/ 865489 w 1138162"/>
                <a:gd name="connsiteY18" fmla="*/ 207770 h 1214446"/>
                <a:gd name="connsiteX19" fmla="*/ 871962 w 1138162"/>
                <a:gd name="connsiteY19" fmla="*/ 344092 h 1214446"/>
                <a:gd name="connsiteX20" fmla="*/ 930413 w 1138162"/>
                <a:gd name="connsiteY20" fmla="*/ 389532 h 1214446"/>
                <a:gd name="connsiteX21" fmla="*/ 936981 w 1138162"/>
                <a:gd name="connsiteY21" fmla="*/ 474045 h 1214446"/>
                <a:gd name="connsiteX22" fmla="*/ 962970 w 1138162"/>
                <a:gd name="connsiteY22" fmla="*/ 571391 h 1214446"/>
                <a:gd name="connsiteX23" fmla="*/ 995431 w 1138162"/>
                <a:gd name="connsiteY23" fmla="*/ 571391 h 1214446"/>
                <a:gd name="connsiteX24" fmla="*/ 1014470 w 1138162"/>
                <a:gd name="connsiteY24" fmla="*/ 636320 h 1214446"/>
                <a:gd name="connsiteX25" fmla="*/ 1099004 w 1138162"/>
                <a:gd name="connsiteY25" fmla="*/ 701249 h 1214446"/>
                <a:gd name="connsiteX26" fmla="*/ 1092531 w 1138162"/>
                <a:gd name="connsiteY26" fmla="*/ 759713 h 1214446"/>
                <a:gd name="connsiteX27" fmla="*/ 1040459 w 1138162"/>
                <a:gd name="connsiteY27" fmla="*/ 785666 h 1214446"/>
                <a:gd name="connsiteX28" fmla="*/ 1046932 w 1138162"/>
                <a:gd name="connsiteY28" fmla="*/ 811618 h 1214446"/>
                <a:gd name="connsiteX29" fmla="*/ 1014470 w 1138162"/>
                <a:gd name="connsiteY29" fmla="*/ 811618 h 1214446"/>
                <a:gd name="connsiteX30" fmla="*/ 1033510 w 1138162"/>
                <a:gd name="connsiteY30" fmla="*/ 850594 h 1214446"/>
                <a:gd name="connsiteX31" fmla="*/ 1085487 w 1138162"/>
                <a:gd name="connsiteY31" fmla="*/ 863618 h 1214446"/>
                <a:gd name="connsiteX32" fmla="*/ 1131085 w 1138162"/>
                <a:gd name="connsiteY32" fmla="*/ 948035 h 1214446"/>
                <a:gd name="connsiteX33" fmla="*/ 1105002 w 1138162"/>
                <a:gd name="connsiteY33" fmla="*/ 954500 h 1214446"/>
                <a:gd name="connsiteX34" fmla="*/ 1085963 w 1138162"/>
                <a:gd name="connsiteY34" fmla="*/ 1012964 h 1214446"/>
                <a:gd name="connsiteX35" fmla="*/ 1138035 w 1138162"/>
                <a:gd name="connsiteY35" fmla="*/ 1006405 h 1214446"/>
                <a:gd name="connsiteX36" fmla="*/ 1138035 w 1138162"/>
                <a:gd name="connsiteY36" fmla="*/ 1045381 h 1214446"/>
                <a:gd name="connsiteX37" fmla="*/ 1040459 w 1138162"/>
                <a:gd name="connsiteY37" fmla="*/ 1071334 h 1214446"/>
                <a:gd name="connsiteX38" fmla="*/ 982009 w 1138162"/>
                <a:gd name="connsiteY38" fmla="*/ 1038917 h 1214446"/>
                <a:gd name="connsiteX39" fmla="*/ 994955 w 1138162"/>
                <a:gd name="connsiteY39" fmla="*/ 1064870 h 1214446"/>
                <a:gd name="connsiteX40" fmla="*/ 955925 w 1138162"/>
                <a:gd name="connsiteY40" fmla="*/ 1090822 h 1214446"/>
                <a:gd name="connsiteX41" fmla="*/ 949452 w 1138162"/>
                <a:gd name="connsiteY41" fmla="*/ 1214406 h 1214446"/>
                <a:gd name="connsiteX42" fmla="*/ 812941 w 1138162"/>
                <a:gd name="connsiteY42" fmla="*/ 1136453 h 1214446"/>
                <a:gd name="connsiteX43" fmla="*/ 734975 w 1138162"/>
                <a:gd name="connsiteY43" fmla="*/ 987107 h 1214446"/>
                <a:gd name="connsiteX44" fmla="*/ 839024 w 1138162"/>
                <a:gd name="connsiteY44" fmla="*/ 968094 h 1214446"/>
                <a:gd name="connsiteX45" fmla="*/ 786952 w 1138162"/>
                <a:gd name="connsiteY45" fmla="*/ 942046 h 1214446"/>
                <a:gd name="connsiteX46" fmla="*/ 805992 w 1138162"/>
                <a:gd name="connsiteY46" fmla="*/ 903165 h 1214446"/>
                <a:gd name="connsiteX47" fmla="*/ 760488 w 1138162"/>
                <a:gd name="connsiteY47" fmla="*/ 864189 h 1214446"/>
                <a:gd name="connsiteX48" fmla="*/ 675954 w 1138162"/>
                <a:gd name="connsiteY48" fmla="*/ 857629 h 1214446"/>
                <a:gd name="connsiteX49" fmla="*/ 669480 w 1138162"/>
                <a:gd name="connsiteY49" fmla="*/ 773212 h 1214446"/>
                <a:gd name="connsiteX50" fmla="*/ 663007 w 1138162"/>
                <a:gd name="connsiteY50" fmla="*/ 773212 h 1214446"/>
                <a:gd name="connsiteX51" fmla="*/ 636924 w 1138162"/>
                <a:gd name="connsiteY51" fmla="*/ 870653 h 1214446"/>
                <a:gd name="connsiteX52" fmla="*/ 578473 w 1138162"/>
                <a:gd name="connsiteY52" fmla="*/ 909630 h 1214446"/>
                <a:gd name="connsiteX53" fmla="*/ 584946 w 1138162"/>
                <a:gd name="connsiteY53" fmla="*/ 968094 h 1214446"/>
                <a:gd name="connsiteX54" fmla="*/ 591515 w 1138162"/>
                <a:gd name="connsiteY54" fmla="*/ 1019999 h 1214446"/>
                <a:gd name="connsiteX55" fmla="*/ 526496 w 1138162"/>
                <a:gd name="connsiteY55" fmla="*/ 1033023 h 1214446"/>
                <a:gd name="connsiteX56" fmla="*/ 448436 w 1138162"/>
                <a:gd name="connsiteY56" fmla="*/ 987487 h 1214446"/>
                <a:gd name="connsiteX57" fmla="*/ 402932 w 1138162"/>
                <a:gd name="connsiteY57" fmla="*/ 948606 h 1214446"/>
                <a:gd name="connsiteX58" fmla="*/ 305451 w 1138162"/>
                <a:gd name="connsiteY58" fmla="*/ 1006975 h 1214446"/>
                <a:gd name="connsiteX59" fmla="*/ 305451 w 1138162"/>
                <a:gd name="connsiteY59" fmla="*/ 987962 h 1214446"/>
                <a:gd name="connsiteX60" fmla="*/ 240433 w 1138162"/>
                <a:gd name="connsiteY60" fmla="*/ 1033498 h 1214446"/>
                <a:gd name="connsiteX61" fmla="*/ 123437 w 1138162"/>
                <a:gd name="connsiteY61" fmla="*/ 1000986 h 1214446"/>
                <a:gd name="connsiteX62" fmla="*/ 110395 w 1138162"/>
                <a:gd name="connsiteY62" fmla="*/ 994522 h 1214446"/>
                <a:gd name="connsiteX63" fmla="*/ 12914 w 1138162"/>
                <a:gd name="connsiteY63" fmla="*/ 929593 h 1214446"/>
                <a:gd name="connsiteX64" fmla="*/ -128 w 1138162"/>
                <a:gd name="connsiteY64" fmla="*/ 871128 h 1214446"/>
                <a:gd name="connsiteX65" fmla="*/ 19388 w 1138162"/>
                <a:gd name="connsiteY65" fmla="*/ 799735 h 1214446"/>
                <a:gd name="connsiteX66" fmla="*/ 77933 w 1138162"/>
                <a:gd name="connsiteY66" fmla="*/ 747735 h 1214446"/>
                <a:gd name="connsiteX67" fmla="*/ 71365 w 1138162"/>
                <a:gd name="connsiteY67" fmla="*/ 702294 h 1214446"/>
                <a:gd name="connsiteX68" fmla="*/ 129910 w 1138162"/>
                <a:gd name="connsiteY68" fmla="*/ 708759 h 1214446"/>
                <a:gd name="connsiteX69" fmla="*/ 142952 w 1138162"/>
                <a:gd name="connsiteY69" fmla="*/ 630901 h 1214446"/>
                <a:gd name="connsiteX70" fmla="*/ 201402 w 1138162"/>
                <a:gd name="connsiteY70" fmla="*/ 533460 h 1214446"/>
                <a:gd name="connsiteX71" fmla="*/ 233959 w 1138162"/>
                <a:gd name="connsiteY71" fmla="*/ 526996 h 1214446"/>
                <a:gd name="connsiteX72" fmla="*/ 272894 w 1138162"/>
                <a:gd name="connsiteY72" fmla="*/ 565972 h 1214446"/>
                <a:gd name="connsiteX73" fmla="*/ 292410 w 1138162"/>
                <a:gd name="connsiteY73" fmla="*/ 598389 h 1214446"/>
                <a:gd name="connsiteX74" fmla="*/ 305451 w 1138162"/>
                <a:gd name="connsiteY74" fmla="*/ 591925 h 1214446"/>
                <a:gd name="connsiteX75" fmla="*/ 337913 w 1138162"/>
                <a:gd name="connsiteY75" fmla="*/ 507507 h 1214446"/>
                <a:gd name="connsiteX76" fmla="*/ 383417 w 1138162"/>
                <a:gd name="connsiteY76" fmla="*/ 481555 h 1214446"/>
                <a:gd name="connsiteX77" fmla="*/ 357428 w 1138162"/>
                <a:gd name="connsiteY77" fmla="*/ 345137 h 1214446"/>
                <a:gd name="connsiteX78" fmla="*/ 376944 w 1138162"/>
                <a:gd name="connsiteY78" fmla="*/ 312720 h 1214446"/>
                <a:gd name="connsiteX79" fmla="*/ 402932 w 1138162"/>
                <a:gd name="connsiteY79" fmla="*/ 351697 h 1214446"/>
                <a:gd name="connsiteX80" fmla="*/ 428920 w 1138162"/>
                <a:gd name="connsiteY80" fmla="*/ 345137 h 1214446"/>
                <a:gd name="connsiteX81" fmla="*/ 415974 w 1138162"/>
                <a:gd name="connsiteY81" fmla="*/ 234768 h 1214446"/>
                <a:gd name="connsiteX82" fmla="*/ 409405 w 1138162"/>
                <a:gd name="connsiteY82" fmla="*/ 202351 h 1214446"/>
                <a:gd name="connsiteX83" fmla="*/ 357428 w 1138162"/>
                <a:gd name="connsiteY83" fmla="*/ 202351 h 1214446"/>
                <a:gd name="connsiteX84" fmla="*/ 363902 w 1138162"/>
                <a:gd name="connsiteY84" fmla="*/ 137422 h 1214446"/>
                <a:gd name="connsiteX85" fmla="*/ 402932 w 1138162"/>
                <a:gd name="connsiteY85" fmla="*/ 130958 h 1214446"/>
                <a:gd name="connsiteX86" fmla="*/ 396459 w 1138162"/>
                <a:gd name="connsiteY86" fmla="*/ 39981 h 1214446"/>
                <a:gd name="connsiteX87" fmla="*/ 480993 w 1138162"/>
                <a:gd name="connsiteY87" fmla="*/ 1005 h 121444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</a:cxnLst>
              <a:rect l="l" t="t" r="r" b="b"/>
              <a:pathLst>
                <a:path w="1138162" h="1214446">
                  <a:moveTo>
                    <a:pt x="481564" y="-41"/>
                  </a:moveTo>
                  <a:lnTo>
                    <a:pt x="533541" y="32471"/>
                  </a:lnTo>
                  <a:lnTo>
                    <a:pt x="605033" y="19447"/>
                  </a:lnTo>
                  <a:lnTo>
                    <a:pt x="663578" y="64888"/>
                  </a:lnTo>
                  <a:lnTo>
                    <a:pt x="735071" y="77912"/>
                  </a:lnTo>
                  <a:lnTo>
                    <a:pt x="761059" y="123352"/>
                  </a:lnTo>
                  <a:lnTo>
                    <a:pt x="780098" y="116888"/>
                  </a:lnTo>
                  <a:lnTo>
                    <a:pt x="819129" y="45400"/>
                  </a:lnTo>
                  <a:lnTo>
                    <a:pt x="871105" y="58423"/>
                  </a:lnTo>
                  <a:lnTo>
                    <a:pt x="910041" y="25911"/>
                  </a:lnTo>
                  <a:lnTo>
                    <a:pt x="942598" y="129912"/>
                  </a:lnTo>
                  <a:lnTo>
                    <a:pt x="1014090" y="155864"/>
                  </a:lnTo>
                  <a:lnTo>
                    <a:pt x="1014090" y="188281"/>
                  </a:lnTo>
                  <a:lnTo>
                    <a:pt x="969443" y="156340"/>
                  </a:lnTo>
                  <a:lnTo>
                    <a:pt x="930413" y="156340"/>
                  </a:lnTo>
                  <a:lnTo>
                    <a:pt x="904424" y="208245"/>
                  </a:lnTo>
                  <a:lnTo>
                    <a:pt x="897951" y="175828"/>
                  </a:lnTo>
                  <a:lnTo>
                    <a:pt x="859016" y="188757"/>
                  </a:lnTo>
                  <a:lnTo>
                    <a:pt x="865489" y="207770"/>
                  </a:lnTo>
                  <a:lnTo>
                    <a:pt x="871962" y="344092"/>
                  </a:lnTo>
                  <a:lnTo>
                    <a:pt x="930413" y="389532"/>
                  </a:lnTo>
                  <a:lnTo>
                    <a:pt x="936981" y="474045"/>
                  </a:lnTo>
                  <a:lnTo>
                    <a:pt x="962970" y="571391"/>
                  </a:lnTo>
                  <a:lnTo>
                    <a:pt x="995431" y="571391"/>
                  </a:lnTo>
                  <a:lnTo>
                    <a:pt x="1014470" y="636320"/>
                  </a:lnTo>
                  <a:lnTo>
                    <a:pt x="1099004" y="701249"/>
                  </a:lnTo>
                  <a:lnTo>
                    <a:pt x="1092531" y="759713"/>
                  </a:lnTo>
                  <a:lnTo>
                    <a:pt x="1040459" y="785666"/>
                  </a:lnTo>
                  <a:lnTo>
                    <a:pt x="1046932" y="811618"/>
                  </a:lnTo>
                  <a:lnTo>
                    <a:pt x="1014470" y="811618"/>
                  </a:lnTo>
                  <a:lnTo>
                    <a:pt x="1033510" y="850594"/>
                  </a:lnTo>
                  <a:lnTo>
                    <a:pt x="1085487" y="863618"/>
                  </a:lnTo>
                  <a:lnTo>
                    <a:pt x="1131085" y="948035"/>
                  </a:lnTo>
                  <a:lnTo>
                    <a:pt x="1105002" y="954500"/>
                  </a:lnTo>
                  <a:lnTo>
                    <a:pt x="1085963" y="1012964"/>
                  </a:lnTo>
                  <a:lnTo>
                    <a:pt x="1138035" y="1006405"/>
                  </a:lnTo>
                  <a:lnTo>
                    <a:pt x="1138035" y="1045381"/>
                  </a:lnTo>
                  <a:lnTo>
                    <a:pt x="1040459" y="1071334"/>
                  </a:lnTo>
                  <a:lnTo>
                    <a:pt x="982009" y="1038917"/>
                  </a:lnTo>
                  <a:lnTo>
                    <a:pt x="994955" y="1064870"/>
                  </a:lnTo>
                  <a:lnTo>
                    <a:pt x="955925" y="1090822"/>
                  </a:lnTo>
                  <a:lnTo>
                    <a:pt x="949452" y="1214406"/>
                  </a:lnTo>
                  <a:lnTo>
                    <a:pt x="812941" y="1136453"/>
                  </a:lnTo>
                  <a:lnTo>
                    <a:pt x="734975" y="987107"/>
                  </a:lnTo>
                  <a:lnTo>
                    <a:pt x="839024" y="968094"/>
                  </a:lnTo>
                  <a:lnTo>
                    <a:pt x="786952" y="942046"/>
                  </a:lnTo>
                  <a:lnTo>
                    <a:pt x="805992" y="903165"/>
                  </a:lnTo>
                  <a:lnTo>
                    <a:pt x="760488" y="864189"/>
                  </a:lnTo>
                  <a:lnTo>
                    <a:pt x="675954" y="857629"/>
                  </a:lnTo>
                  <a:lnTo>
                    <a:pt x="669480" y="773212"/>
                  </a:lnTo>
                  <a:lnTo>
                    <a:pt x="663007" y="773212"/>
                  </a:lnTo>
                  <a:lnTo>
                    <a:pt x="636924" y="870653"/>
                  </a:lnTo>
                  <a:lnTo>
                    <a:pt x="578473" y="909630"/>
                  </a:lnTo>
                  <a:lnTo>
                    <a:pt x="584946" y="968094"/>
                  </a:lnTo>
                  <a:lnTo>
                    <a:pt x="591515" y="1019999"/>
                  </a:lnTo>
                  <a:lnTo>
                    <a:pt x="526496" y="1033023"/>
                  </a:lnTo>
                  <a:lnTo>
                    <a:pt x="448436" y="987487"/>
                  </a:lnTo>
                  <a:lnTo>
                    <a:pt x="402932" y="948606"/>
                  </a:lnTo>
                  <a:lnTo>
                    <a:pt x="305451" y="1006975"/>
                  </a:lnTo>
                  <a:lnTo>
                    <a:pt x="305451" y="987962"/>
                  </a:lnTo>
                  <a:lnTo>
                    <a:pt x="240433" y="1033498"/>
                  </a:lnTo>
                  <a:lnTo>
                    <a:pt x="123437" y="1000986"/>
                  </a:lnTo>
                  <a:lnTo>
                    <a:pt x="110395" y="994522"/>
                  </a:lnTo>
                  <a:lnTo>
                    <a:pt x="12914" y="929593"/>
                  </a:lnTo>
                  <a:lnTo>
                    <a:pt x="-128" y="871128"/>
                  </a:lnTo>
                  <a:lnTo>
                    <a:pt x="19388" y="799735"/>
                  </a:lnTo>
                  <a:lnTo>
                    <a:pt x="77933" y="747735"/>
                  </a:lnTo>
                  <a:lnTo>
                    <a:pt x="71365" y="702294"/>
                  </a:lnTo>
                  <a:lnTo>
                    <a:pt x="129910" y="708759"/>
                  </a:lnTo>
                  <a:lnTo>
                    <a:pt x="142952" y="630901"/>
                  </a:lnTo>
                  <a:lnTo>
                    <a:pt x="201402" y="533460"/>
                  </a:lnTo>
                  <a:lnTo>
                    <a:pt x="233959" y="526996"/>
                  </a:lnTo>
                  <a:lnTo>
                    <a:pt x="272894" y="565972"/>
                  </a:lnTo>
                  <a:lnTo>
                    <a:pt x="292410" y="598389"/>
                  </a:lnTo>
                  <a:lnTo>
                    <a:pt x="305451" y="591925"/>
                  </a:lnTo>
                  <a:lnTo>
                    <a:pt x="337913" y="507507"/>
                  </a:lnTo>
                  <a:lnTo>
                    <a:pt x="383417" y="481555"/>
                  </a:lnTo>
                  <a:lnTo>
                    <a:pt x="357428" y="345137"/>
                  </a:lnTo>
                  <a:lnTo>
                    <a:pt x="376944" y="312720"/>
                  </a:lnTo>
                  <a:lnTo>
                    <a:pt x="402932" y="351697"/>
                  </a:lnTo>
                  <a:lnTo>
                    <a:pt x="428920" y="345137"/>
                  </a:lnTo>
                  <a:lnTo>
                    <a:pt x="415974" y="234768"/>
                  </a:lnTo>
                  <a:lnTo>
                    <a:pt x="409405" y="202351"/>
                  </a:lnTo>
                  <a:lnTo>
                    <a:pt x="357428" y="202351"/>
                  </a:lnTo>
                  <a:lnTo>
                    <a:pt x="363902" y="137422"/>
                  </a:lnTo>
                  <a:lnTo>
                    <a:pt x="402932" y="130958"/>
                  </a:lnTo>
                  <a:lnTo>
                    <a:pt x="396459" y="39981"/>
                  </a:lnTo>
                  <a:lnTo>
                    <a:pt x="480993" y="1005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908" name="Freihandform 26907">
              <a:extLst>
                <a:ext uri="{FF2B5EF4-FFF2-40B4-BE49-F238E27FC236}">
                  <a16:creationId xmlns:a16="http://schemas.microsoft.com/office/drawing/2014/main" id="{B1942A52-49B2-D4A0-F2FB-BBF99C4B14A2}"/>
                </a:ext>
              </a:extLst>
            </p:cNvPr>
            <p:cNvSpPr/>
            <p:nvPr/>
          </p:nvSpPr>
          <p:spPr>
            <a:xfrm>
              <a:off x="3085135" y="2510433"/>
              <a:ext cx="1404234" cy="1383566"/>
            </a:xfrm>
            <a:custGeom>
              <a:avLst/>
              <a:gdLst>
                <a:gd name="connsiteX0" fmla="*/ 936029 w 1404234"/>
                <a:gd name="connsiteY0" fmla="*/ -41 h 1383566"/>
                <a:gd name="connsiteX1" fmla="*/ 975059 w 1404234"/>
                <a:gd name="connsiteY1" fmla="*/ 32376 h 1383566"/>
                <a:gd name="connsiteX2" fmla="*/ 981533 w 1404234"/>
                <a:gd name="connsiteY2" fmla="*/ 25912 h 1383566"/>
                <a:gd name="connsiteX3" fmla="*/ 1014090 w 1404234"/>
                <a:gd name="connsiteY3" fmla="*/ 6423 h 1383566"/>
                <a:gd name="connsiteX4" fmla="*/ 1027036 w 1404234"/>
                <a:gd name="connsiteY4" fmla="*/ 45400 h 1383566"/>
                <a:gd name="connsiteX5" fmla="*/ 1092055 w 1404234"/>
                <a:gd name="connsiteY5" fmla="*/ 38935 h 1383566"/>
                <a:gd name="connsiteX6" fmla="*/ 1183063 w 1404234"/>
                <a:gd name="connsiteY6" fmla="*/ 90840 h 1383566"/>
                <a:gd name="connsiteX7" fmla="*/ 1202578 w 1404234"/>
                <a:gd name="connsiteY7" fmla="*/ 58423 h 1383566"/>
                <a:gd name="connsiteX8" fmla="*/ 1222093 w 1404234"/>
                <a:gd name="connsiteY8" fmla="*/ 90840 h 1383566"/>
                <a:gd name="connsiteX9" fmla="*/ 1287112 w 1404234"/>
                <a:gd name="connsiteY9" fmla="*/ 116793 h 1383566"/>
                <a:gd name="connsiteX10" fmla="*/ 1306151 w 1404234"/>
                <a:gd name="connsiteY10" fmla="*/ 110329 h 1383566"/>
                <a:gd name="connsiteX11" fmla="*/ 1319193 w 1404234"/>
                <a:gd name="connsiteY11" fmla="*/ 181722 h 1383566"/>
                <a:gd name="connsiteX12" fmla="*/ 1371646 w 1404234"/>
                <a:gd name="connsiteY12" fmla="*/ 207675 h 1383566"/>
                <a:gd name="connsiteX13" fmla="*/ 1378119 w 1404234"/>
                <a:gd name="connsiteY13" fmla="*/ 207675 h 1383566"/>
                <a:gd name="connsiteX14" fmla="*/ 1397634 w 1404234"/>
                <a:gd name="connsiteY14" fmla="*/ 233627 h 1383566"/>
                <a:gd name="connsiteX15" fmla="*/ 1371646 w 1404234"/>
                <a:gd name="connsiteY15" fmla="*/ 298651 h 1383566"/>
                <a:gd name="connsiteX16" fmla="*/ 1404107 w 1404234"/>
                <a:gd name="connsiteY16" fmla="*/ 324699 h 1383566"/>
                <a:gd name="connsiteX17" fmla="*/ 1345562 w 1404234"/>
                <a:gd name="connsiteY17" fmla="*/ 396092 h 1383566"/>
                <a:gd name="connsiteX18" fmla="*/ 1306532 w 1404234"/>
                <a:gd name="connsiteY18" fmla="*/ 467485 h 1383566"/>
                <a:gd name="connsiteX19" fmla="*/ 1306532 w 1404234"/>
                <a:gd name="connsiteY19" fmla="*/ 506462 h 1383566"/>
                <a:gd name="connsiteX20" fmla="*/ 1254555 w 1404234"/>
                <a:gd name="connsiteY20" fmla="*/ 480509 h 1383566"/>
                <a:gd name="connsiteX21" fmla="*/ 1241608 w 1404234"/>
                <a:gd name="connsiteY21" fmla="*/ 551902 h 1383566"/>
                <a:gd name="connsiteX22" fmla="*/ 1170021 w 1404234"/>
                <a:gd name="connsiteY22" fmla="*/ 564831 h 1383566"/>
                <a:gd name="connsiteX23" fmla="*/ 1183063 w 1404234"/>
                <a:gd name="connsiteY23" fmla="*/ 642784 h 1383566"/>
                <a:gd name="connsiteX24" fmla="*/ 1170021 w 1404234"/>
                <a:gd name="connsiteY24" fmla="*/ 714272 h 1383566"/>
                <a:gd name="connsiteX25" fmla="*/ 1092055 w 1404234"/>
                <a:gd name="connsiteY25" fmla="*/ 759713 h 1383566"/>
                <a:gd name="connsiteX26" fmla="*/ 1085582 w 1404234"/>
                <a:gd name="connsiteY26" fmla="*/ 766177 h 1383566"/>
                <a:gd name="connsiteX27" fmla="*/ 1053120 w 1404234"/>
                <a:gd name="connsiteY27" fmla="*/ 837571 h 1383566"/>
                <a:gd name="connsiteX28" fmla="*/ 1001048 w 1404234"/>
                <a:gd name="connsiteY28" fmla="*/ 824642 h 1383566"/>
                <a:gd name="connsiteX29" fmla="*/ 955544 w 1404234"/>
                <a:gd name="connsiteY29" fmla="*/ 902500 h 1383566"/>
                <a:gd name="connsiteX30" fmla="*/ 968586 w 1404234"/>
                <a:gd name="connsiteY30" fmla="*/ 960964 h 1383566"/>
                <a:gd name="connsiteX31" fmla="*/ 903567 w 1404234"/>
                <a:gd name="connsiteY31" fmla="*/ 987202 h 1383566"/>
                <a:gd name="connsiteX32" fmla="*/ 890525 w 1404234"/>
                <a:gd name="connsiteY32" fmla="*/ 1039202 h 1383566"/>
                <a:gd name="connsiteX33" fmla="*/ 864537 w 1404234"/>
                <a:gd name="connsiteY33" fmla="*/ 1039202 h 1383566"/>
                <a:gd name="connsiteX34" fmla="*/ 877579 w 1404234"/>
                <a:gd name="connsiteY34" fmla="*/ 1065155 h 1383566"/>
                <a:gd name="connsiteX35" fmla="*/ 838548 w 1404234"/>
                <a:gd name="connsiteY35" fmla="*/ 1136548 h 1383566"/>
                <a:gd name="connsiteX36" fmla="*/ 858064 w 1404234"/>
                <a:gd name="connsiteY36" fmla="*/ 1143108 h 1383566"/>
                <a:gd name="connsiteX37" fmla="*/ 923082 w 1404234"/>
                <a:gd name="connsiteY37" fmla="*/ 1182084 h 1383566"/>
                <a:gd name="connsiteX38" fmla="*/ 884052 w 1404234"/>
                <a:gd name="connsiteY38" fmla="*/ 1214501 h 1383566"/>
                <a:gd name="connsiteX39" fmla="*/ 838548 w 1404234"/>
                <a:gd name="connsiteY39" fmla="*/ 1338085 h 1383566"/>
                <a:gd name="connsiteX40" fmla="*/ 767056 w 1404234"/>
                <a:gd name="connsiteY40" fmla="*/ 1383525 h 1383566"/>
                <a:gd name="connsiteX41" fmla="*/ 728026 w 1404234"/>
                <a:gd name="connsiteY41" fmla="*/ 1370596 h 1383566"/>
                <a:gd name="connsiteX42" fmla="*/ 708511 w 1404234"/>
                <a:gd name="connsiteY42" fmla="*/ 1331620 h 1383566"/>
                <a:gd name="connsiteX43" fmla="*/ 663007 w 1404234"/>
                <a:gd name="connsiteY43" fmla="*/ 1325061 h 1383566"/>
                <a:gd name="connsiteX44" fmla="*/ 643492 w 1404234"/>
                <a:gd name="connsiteY44" fmla="*/ 1247108 h 1383566"/>
                <a:gd name="connsiteX45" fmla="*/ 546011 w 1404234"/>
                <a:gd name="connsiteY45" fmla="*/ 1279620 h 1383566"/>
                <a:gd name="connsiteX46" fmla="*/ 526972 w 1404234"/>
                <a:gd name="connsiteY46" fmla="*/ 1234179 h 1383566"/>
                <a:gd name="connsiteX47" fmla="*/ 448245 w 1404234"/>
                <a:gd name="connsiteY47" fmla="*/ 1220680 h 1383566"/>
                <a:gd name="connsiteX48" fmla="*/ 318112 w 1404234"/>
                <a:gd name="connsiteY48" fmla="*/ 1246633 h 1383566"/>
                <a:gd name="connsiteX49" fmla="*/ 292124 w 1404234"/>
                <a:gd name="connsiteY49" fmla="*/ 1259656 h 1383566"/>
                <a:gd name="connsiteX50" fmla="*/ 201117 w 1404234"/>
                <a:gd name="connsiteY50" fmla="*/ 1201287 h 1383566"/>
                <a:gd name="connsiteX51" fmla="*/ 103636 w 1404234"/>
                <a:gd name="connsiteY51" fmla="*/ 1194727 h 1383566"/>
                <a:gd name="connsiteX52" fmla="*/ 97163 w 1404234"/>
                <a:gd name="connsiteY52" fmla="*/ 1155751 h 1383566"/>
                <a:gd name="connsiteX53" fmla="*/ 38903 w 1404234"/>
                <a:gd name="connsiteY53" fmla="*/ 1123334 h 1383566"/>
                <a:gd name="connsiteX54" fmla="*/ 58418 w 1404234"/>
                <a:gd name="connsiteY54" fmla="*/ 999751 h 1383566"/>
                <a:gd name="connsiteX55" fmla="*/ -128 w 1404234"/>
                <a:gd name="connsiteY55" fmla="*/ 902310 h 1383566"/>
                <a:gd name="connsiteX56" fmla="*/ 25956 w 1404234"/>
                <a:gd name="connsiteY56" fmla="*/ 850404 h 1383566"/>
                <a:gd name="connsiteX57" fmla="*/ 25956 w 1404234"/>
                <a:gd name="connsiteY57" fmla="*/ 668832 h 1383566"/>
                <a:gd name="connsiteX58" fmla="*/ 90975 w 1404234"/>
                <a:gd name="connsiteY58" fmla="*/ 629855 h 1383566"/>
                <a:gd name="connsiteX59" fmla="*/ 220917 w 1404234"/>
                <a:gd name="connsiteY59" fmla="*/ 721022 h 1383566"/>
                <a:gd name="connsiteX60" fmla="*/ 233959 w 1404234"/>
                <a:gd name="connsiteY60" fmla="*/ 701534 h 1383566"/>
                <a:gd name="connsiteX61" fmla="*/ 253474 w 1404234"/>
                <a:gd name="connsiteY61" fmla="*/ 604093 h 1383566"/>
                <a:gd name="connsiteX62" fmla="*/ 77933 w 1404234"/>
                <a:gd name="connsiteY62" fmla="*/ 513211 h 1383566"/>
                <a:gd name="connsiteX63" fmla="*/ 77933 w 1404234"/>
                <a:gd name="connsiteY63" fmla="*/ 467770 h 1383566"/>
                <a:gd name="connsiteX64" fmla="*/ 129910 w 1404234"/>
                <a:gd name="connsiteY64" fmla="*/ 402842 h 1383566"/>
                <a:gd name="connsiteX65" fmla="*/ 64891 w 1404234"/>
                <a:gd name="connsiteY65" fmla="*/ 389818 h 1383566"/>
                <a:gd name="connsiteX66" fmla="*/ 149425 w 1404234"/>
                <a:gd name="connsiteY66" fmla="*/ 240472 h 1383566"/>
                <a:gd name="connsiteX67" fmla="*/ 188455 w 1404234"/>
                <a:gd name="connsiteY67" fmla="*/ 240472 h 1383566"/>
                <a:gd name="connsiteX68" fmla="*/ 207971 w 1404234"/>
                <a:gd name="connsiteY68" fmla="*/ 292472 h 1383566"/>
                <a:gd name="connsiteX69" fmla="*/ 220917 w 1404234"/>
                <a:gd name="connsiteY69" fmla="*/ 305401 h 1383566"/>
                <a:gd name="connsiteX70" fmla="*/ 272894 w 1404234"/>
                <a:gd name="connsiteY70" fmla="*/ 285913 h 1383566"/>
                <a:gd name="connsiteX71" fmla="*/ 292410 w 1404234"/>
                <a:gd name="connsiteY71" fmla="*/ 298936 h 1383566"/>
                <a:gd name="connsiteX72" fmla="*/ 279463 w 1404234"/>
                <a:gd name="connsiteY72" fmla="*/ 305401 h 1383566"/>
                <a:gd name="connsiteX73" fmla="*/ 298502 w 1404234"/>
                <a:gd name="connsiteY73" fmla="*/ 298936 h 1383566"/>
                <a:gd name="connsiteX74" fmla="*/ 298502 w 1404234"/>
                <a:gd name="connsiteY74" fmla="*/ 279448 h 1383566"/>
                <a:gd name="connsiteX75" fmla="*/ 311544 w 1404234"/>
                <a:gd name="connsiteY75" fmla="*/ 208055 h 1383566"/>
                <a:gd name="connsiteX76" fmla="*/ 376563 w 1404234"/>
                <a:gd name="connsiteY76" fmla="*/ 182007 h 1383566"/>
                <a:gd name="connsiteX77" fmla="*/ 448150 w 1404234"/>
                <a:gd name="connsiteY77" fmla="*/ 110614 h 1383566"/>
                <a:gd name="connsiteX78" fmla="*/ 467189 w 1404234"/>
                <a:gd name="connsiteY78" fmla="*/ 104149 h 1383566"/>
                <a:gd name="connsiteX79" fmla="*/ 512693 w 1404234"/>
                <a:gd name="connsiteY79" fmla="*/ 104149 h 1383566"/>
                <a:gd name="connsiteX80" fmla="*/ 636447 w 1404234"/>
                <a:gd name="connsiteY80" fmla="*/ 71637 h 1383566"/>
                <a:gd name="connsiteX81" fmla="*/ 694993 w 1404234"/>
                <a:gd name="connsiteY81" fmla="*/ 52149 h 1383566"/>
                <a:gd name="connsiteX82" fmla="*/ 772958 w 1404234"/>
                <a:gd name="connsiteY82" fmla="*/ 71637 h 1383566"/>
                <a:gd name="connsiteX83" fmla="*/ 831504 w 1404234"/>
                <a:gd name="connsiteY83" fmla="*/ 6708 h 1383566"/>
                <a:gd name="connsiteX84" fmla="*/ 935458 w 1404234"/>
                <a:gd name="connsiteY84" fmla="*/ 244 h 138356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</a:cxnLst>
              <a:rect l="l" t="t" r="r" b="b"/>
              <a:pathLst>
                <a:path w="1404234" h="1383566">
                  <a:moveTo>
                    <a:pt x="936029" y="-41"/>
                  </a:moveTo>
                  <a:lnTo>
                    <a:pt x="975059" y="32376"/>
                  </a:lnTo>
                  <a:lnTo>
                    <a:pt x="981533" y="25912"/>
                  </a:lnTo>
                  <a:lnTo>
                    <a:pt x="1014090" y="6423"/>
                  </a:lnTo>
                  <a:lnTo>
                    <a:pt x="1027036" y="45400"/>
                  </a:lnTo>
                  <a:lnTo>
                    <a:pt x="1092055" y="38935"/>
                  </a:lnTo>
                  <a:lnTo>
                    <a:pt x="1183063" y="90840"/>
                  </a:lnTo>
                  <a:lnTo>
                    <a:pt x="1202578" y="58423"/>
                  </a:lnTo>
                  <a:lnTo>
                    <a:pt x="1222093" y="90840"/>
                  </a:lnTo>
                  <a:lnTo>
                    <a:pt x="1287112" y="116793"/>
                  </a:lnTo>
                  <a:lnTo>
                    <a:pt x="1306151" y="110329"/>
                  </a:lnTo>
                  <a:lnTo>
                    <a:pt x="1319193" y="181722"/>
                  </a:lnTo>
                  <a:lnTo>
                    <a:pt x="1371646" y="207675"/>
                  </a:lnTo>
                  <a:lnTo>
                    <a:pt x="1378119" y="207675"/>
                  </a:lnTo>
                  <a:lnTo>
                    <a:pt x="1397634" y="233627"/>
                  </a:lnTo>
                  <a:lnTo>
                    <a:pt x="1371646" y="298651"/>
                  </a:lnTo>
                  <a:lnTo>
                    <a:pt x="1404107" y="324699"/>
                  </a:lnTo>
                  <a:lnTo>
                    <a:pt x="1345562" y="396092"/>
                  </a:lnTo>
                  <a:lnTo>
                    <a:pt x="1306532" y="467485"/>
                  </a:lnTo>
                  <a:lnTo>
                    <a:pt x="1306532" y="506462"/>
                  </a:lnTo>
                  <a:lnTo>
                    <a:pt x="1254555" y="480509"/>
                  </a:lnTo>
                  <a:lnTo>
                    <a:pt x="1241608" y="551902"/>
                  </a:lnTo>
                  <a:lnTo>
                    <a:pt x="1170021" y="564831"/>
                  </a:lnTo>
                  <a:lnTo>
                    <a:pt x="1183063" y="642784"/>
                  </a:lnTo>
                  <a:lnTo>
                    <a:pt x="1170021" y="714272"/>
                  </a:lnTo>
                  <a:lnTo>
                    <a:pt x="1092055" y="759713"/>
                  </a:lnTo>
                  <a:lnTo>
                    <a:pt x="1085582" y="766177"/>
                  </a:lnTo>
                  <a:lnTo>
                    <a:pt x="1053120" y="837571"/>
                  </a:lnTo>
                  <a:lnTo>
                    <a:pt x="1001048" y="824642"/>
                  </a:lnTo>
                  <a:lnTo>
                    <a:pt x="955544" y="902500"/>
                  </a:lnTo>
                  <a:lnTo>
                    <a:pt x="968586" y="960964"/>
                  </a:lnTo>
                  <a:lnTo>
                    <a:pt x="903567" y="987202"/>
                  </a:lnTo>
                  <a:lnTo>
                    <a:pt x="890525" y="1039202"/>
                  </a:lnTo>
                  <a:lnTo>
                    <a:pt x="864537" y="1039202"/>
                  </a:lnTo>
                  <a:lnTo>
                    <a:pt x="877579" y="1065155"/>
                  </a:lnTo>
                  <a:lnTo>
                    <a:pt x="838548" y="1136548"/>
                  </a:lnTo>
                  <a:lnTo>
                    <a:pt x="858064" y="1143108"/>
                  </a:lnTo>
                  <a:lnTo>
                    <a:pt x="923082" y="1182084"/>
                  </a:lnTo>
                  <a:lnTo>
                    <a:pt x="884052" y="1214501"/>
                  </a:lnTo>
                  <a:lnTo>
                    <a:pt x="838548" y="1338085"/>
                  </a:lnTo>
                  <a:lnTo>
                    <a:pt x="767056" y="1383525"/>
                  </a:lnTo>
                  <a:lnTo>
                    <a:pt x="728026" y="1370596"/>
                  </a:lnTo>
                  <a:lnTo>
                    <a:pt x="708511" y="1331620"/>
                  </a:lnTo>
                  <a:lnTo>
                    <a:pt x="663007" y="1325061"/>
                  </a:lnTo>
                  <a:lnTo>
                    <a:pt x="643492" y="1247108"/>
                  </a:lnTo>
                  <a:lnTo>
                    <a:pt x="546011" y="1279620"/>
                  </a:lnTo>
                  <a:lnTo>
                    <a:pt x="526972" y="1234179"/>
                  </a:lnTo>
                  <a:lnTo>
                    <a:pt x="448245" y="1220680"/>
                  </a:lnTo>
                  <a:lnTo>
                    <a:pt x="318112" y="1246633"/>
                  </a:lnTo>
                  <a:lnTo>
                    <a:pt x="292124" y="1259656"/>
                  </a:lnTo>
                  <a:lnTo>
                    <a:pt x="201117" y="1201287"/>
                  </a:lnTo>
                  <a:lnTo>
                    <a:pt x="103636" y="1194727"/>
                  </a:lnTo>
                  <a:lnTo>
                    <a:pt x="97163" y="1155751"/>
                  </a:lnTo>
                  <a:lnTo>
                    <a:pt x="38903" y="1123334"/>
                  </a:lnTo>
                  <a:lnTo>
                    <a:pt x="58418" y="999751"/>
                  </a:lnTo>
                  <a:lnTo>
                    <a:pt x="-128" y="902310"/>
                  </a:lnTo>
                  <a:lnTo>
                    <a:pt x="25956" y="850404"/>
                  </a:lnTo>
                  <a:lnTo>
                    <a:pt x="25956" y="668832"/>
                  </a:lnTo>
                  <a:lnTo>
                    <a:pt x="90975" y="629855"/>
                  </a:lnTo>
                  <a:lnTo>
                    <a:pt x="220917" y="721022"/>
                  </a:lnTo>
                  <a:lnTo>
                    <a:pt x="233959" y="701534"/>
                  </a:lnTo>
                  <a:lnTo>
                    <a:pt x="253474" y="604093"/>
                  </a:lnTo>
                  <a:lnTo>
                    <a:pt x="77933" y="513211"/>
                  </a:lnTo>
                  <a:lnTo>
                    <a:pt x="77933" y="467770"/>
                  </a:lnTo>
                  <a:lnTo>
                    <a:pt x="129910" y="402842"/>
                  </a:lnTo>
                  <a:lnTo>
                    <a:pt x="64891" y="389818"/>
                  </a:lnTo>
                  <a:lnTo>
                    <a:pt x="149425" y="240472"/>
                  </a:lnTo>
                  <a:lnTo>
                    <a:pt x="188455" y="240472"/>
                  </a:lnTo>
                  <a:lnTo>
                    <a:pt x="207971" y="292472"/>
                  </a:lnTo>
                  <a:lnTo>
                    <a:pt x="220917" y="305401"/>
                  </a:lnTo>
                  <a:lnTo>
                    <a:pt x="272894" y="285913"/>
                  </a:lnTo>
                  <a:lnTo>
                    <a:pt x="292410" y="298936"/>
                  </a:lnTo>
                  <a:lnTo>
                    <a:pt x="279463" y="305401"/>
                  </a:lnTo>
                  <a:lnTo>
                    <a:pt x="298502" y="298936"/>
                  </a:lnTo>
                  <a:lnTo>
                    <a:pt x="298502" y="279448"/>
                  </a:lnTo>
                  <a:lnTo>
                    <a:pt x="311544" y="208055"/>
                  </a:lnTo>
                  <a:lnTo>
                    <a:pt x="376563" y="182007"/>
                  </a:lnTo>
                  <a:lnTo>
                    <a:pt x="448150" y="110614"/>
                  </a:lnTo>
                  <a:lnTo>
                    <a:pt x="467189" y="104149"/>
                  </a:lnTo>
                  <a:lnTo>
                    <a:pt x="512693" y="104149"/>
                  </a:lnTo>
                  <a:lnTo>
                    <a:pt x="636447" y="71637"/>
                  </a:lnTo>
                  <a:lnTo>
                    <a:pt x="694993" y="52149"/>
                  </a:lnTo>
                  <a:lnTo>
                    <a:pt x="772958" y="71637"/>
                  </a:lnTo>
                  <a:lnTo>
                    <a:pt x="831504" y="6708"/>
                  </a:lnTo>
                  <a:lnTo>
                    <a:pt x="935458" y="244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910" name="Freihandform 26909">
              <a:extLst>
                <a:ext uri="{FF2B5EF4-FFF2-40B4-BE49-F238E27FC236}">
                  <a16:creationId xmlns:a16="http://schemas.microsoft.com/office/drawing/2014/main" id="{6ABD28E2-E8F8-B4ED-C33C-AE1B0A3818EF}"/>
                </a:ext>
              </a:extLst>
            </p:cNvPr>
            <p:cNvSpPr/>
            <p:nvPr/>
          </p:nvSpPr>
          <p:spPr>
            <a:xfrm>
              <a:off x="4287840" y="2055360"/>
              <a:ext cx="1026783" cy="935623"/>
            </a:xfrm>
            <a:custGeom>
              <a:avLst/>
              <a:gdLst>
                <a:gd name="connsiteX0" fmla="*/ 838453 w 1026783"/>
                <a:gd name="connsiteY0" fmla="*/ 434 h 935623"/>
                <a:gd name="connsiteX1" fmla="*/ 871010 w 1026783"/>
                <a:gd name="connsiteY1" fmla="*/ 32946 h 935623"/>
                <a:gd name="connsiteX2" fmla="*/ 831980 w 1026783"/>
                <a:gd name="connsiteY2" fmla="*/ 78387 h 935623"/>
                <a:gd name="connsiteX3" fmla="*/ 903472 w 1026783"/>
                <a:gd name="connsiteY3" fmla="*/ 130387 h 935623"/>
                <a:gd name="connsiteX4" fmla="*/ 987625 w 1026783"/>
                <a:gd name="connsiteY4" fmla="*/ 130387 h 935623"/>
                <a:gd name="connsiteX5" fmla="*/ 987625 w 1026783"/>
                <a:gd name="connsiteY5" fmla="*/ 247221 h 935623"/>
                <a:gd name="connsiteX6" fmla="*/ 1026656 w 1026783"/>
                <a:gd name="connsiteY6" fmla="*/ 292757 h 935623"/>
                <a:gd name="connsiteX7" fmla="*/ 974584 w 1026783"/>
                <a:gd name="connsiteY7" fmla="*/ 383544 h 935623"/>
                <a:gd name="connsiteX8" fmla="*/ 929461 w 1026783"/>
                <a:gd name="connsiteY8" fmla="*/ 396567 h 935623"/>
                <a:gd name="connsiteX9" fmla="*/ 896999 w 1026783"/>
                <a:gd name="connsiteY9" fmla="*/ 487449 h 935623"/>
                <a:gd name="connsiteX10" fmla="*/ 1007521 w 1026783"/>
                <a:gd name="connsiteY10" fmla="*/ 526425 h 935623"/>
                <a:gd name="connsiteX11" fmla="*/ 948976 w 1026783"/>
                <a:gd name="connsiteY11" fmla="*/ 578425 h 935623"/>
                <a:gd name="connsiteX12" fmla="*/ 929461 w 1026783"/>
                <a:gd name="connsiteY12" fmla="*/ 617402 h 935623"/>
                <a:gd name="connsiteX13" fmla="*/ 896999 w 1026783"/>
                <a:gd name="connsiteY13" fmla="*/ 604378 h 935623"/>
                <a:gd name="connsiteX14" fmla="*/ 877484 w 1026783"/>
                <a:gd name="connsiteY14" fmla="*/ 656283 h 935623"/>
                <a:gd name="connsiteX15" fmla="*/ 851495 w 1026783"/>
                <a:gd name="connsiteY15" fmla="*/ 649819 h 935623"/>
                <a:gd name="connsiteX16" fmla="*/ 831980 w 1026783"/>
                <a:gd name="connsiteY16" fmla="*/ 734236 h 935623"/>
                <a:gd name="connsiteX17" fmla="*/ 792950 w 1026783"/>
                <a:gd name="connsiteY17" fmla="*/ 760188 h 935623"/>
                <a:gd name="connsiteX18" fmla="*/ 708511 w 1026783"/>
                <a:gd name="connsiteY18" fmla="*/ 747260 h 935623"/>
                <a:gd name="connsiteX19" fmla="*/ 669480 w 1026783"/>
                <a:gd name="connsiteY19" fmla="*/ 896606 h 935623"/>
                <a:gd name="connsiteX20" fmla="*/ 584947 w 1026783"/>
                <a:gd name="connsiteY20" fmla="*/ 935582 h 935623"/>
                <a:gd name="connsiteX21" fmla="*/ 474424 w 1026783"/>
                <a:gd name="connsiteY21" fmla="*/ 831677 h 935623"/>
                <a:gd name="connsiteX22" fmla="*/ 415879 w 1026783"/>
                <a:gd name="connsiteY22" fmla="*/ 838141 h 935623"/>
                <a:gd name="connsiteX23" fmla="*/ 376944 w 1026783"/>
                <a:gd name="connsiteY23" fmla="*/ 844606 h 935623"/>
                <a:gd name="connsiteX24" fmla="*/ 383417 w 1026783"/>
                <a:gd name="connsiteY24" fmla="*/ 870653 h 935623"/>
                <a:gd name="connsiteX25" fmla="*/ 337913 w 1026783"/>
                <a:gd name="connsiteY25" fmla="*/ 864094 h 935623"/>
                <a:gd name="connsiteX26" fmla="*/ 318398 w 1026783"/>
                <a:gd name="connsiteY26" fmla="*/ 896606 h 935623"/>
                <a:gd name="connsiteX27" fmla="*/ 279368 w 1026783"/>
                <a:gd name="connsiteY27" fmla="*/ 831677 h 935623"/>
                <a:gd name="connsiteX28" fmla="*/ 305356 w 1026783"/>
                <a:gd name="connsiteY28" fmla="*/ 812664 h 935623"/>
                <a:gd name="connsiteX29" fmla="*/ 233959 w 1026783"/>
                <a:gd name="connsiteY29" fmla="*/ 747735 h 935623"/>
                <a:gd name="connsiteX30" fmla="*/ 201402 w 1026783"/>
                <a:gd name="connsiteY30" fmla="*/ 780247 h 935623"/>
                <a:gd name="connsiteX31" fmla="*/ 168940 w 1026783"/>
                <a:gd name="connsiteY31" fmla="*/ 753724 h 935623"/>
                <a:gd name="connsiteX32" fmla="*/ 194929 w 1026783"/>
                <a:gd name="connsiteY32" fmla="*/ 688795 h 935623"/>
                <a:gd name="connsiteX33" fmla="*/ 175414 w 1026783"/>
                <a:gd name="connsiteY33" fmla="*/ 662747 h 935623"/>
                <a:gd name="connsiteX34" fmla="*/ 168940 w 1026783"/>
                <a:gd name="connsiteY34" fmla="*/ 662747 h 935623"/>
                <a:gd name="connsiteX35" fmla="*/ 116868 w 1026783"/>
                <a:gd name="connsiteY35" fmla="*/ 636700 h 935623"/>
                <a:gd name="connsiteX36" fmla="*/ 103922 w 1026783"/>
                <a:gd name="connsiteY36" fmla="*/ 565306 h 935623"/>
                <a:gd name="connsiteX37" fmla="*/ 84406 w 1026783"/>
                <a:gd name="connsiteY37" fmla="*/ 571771 h 935623"/>
                <a:gd name="connsiteX38" fmla="*/ 19388 w 1026783"/>
                <a:gd name="connsiteY38" fmla="*/ 545818 h 935623"/>
                <a:gd name="connsiteX39" fmla="*/ -128 w 1026783"/>
                <a:gd name="connsiteY39" fmla="*/ 513401 h 935623"/>
                <a:gd name="connsiteX40" fmla="*/ 45376 w 1026783"/>
                <a:gd name="connsiteY40" fmla="*/ 480889 h 935623"/>
                <a:gd name="connsiteX41" fmla="*/ 71365 w 1026783"/>
                <a:gd name="connsiteY41" fmla="*/ 396472 h 935623"/>
                <a:gd name="connsiteX42" fmla="*/ 90880 w 1026783"/>
                <a:gd name="connsiteY42" fmla="*/ 377554 h 935623"/>
                <a:gd name="connsiteX43" fmla="*/ 123342 w 1026783"/>
                <a:gd name="connsiteY43" fmla="*/ 410067 h 935623"/>
                <a:gd name="connsiteX44" fmla="*/ 110395 w 1026783"/>
                <a:gd name="connsiteY44" fmla="*/ 390578 h 935623"/>
                <a:gd name="connsiteX45" fmla="*/ 175414 w 1026783"/>
                <a:gd name="connsiteY45" fmla="*/ 306161 h 935623"/>
                <a:gd name="connsiteX46" fmla="*/ 194929 w 1026783"/>
                <a:gd name="connsiteY46" fmla="*/ 332114 h 935623"/>
                <a:gd name="connsiteX47" fmla="*/ 292695 w 1026783"/>
                <a:gd name="connsiteY47" fmla="*/ 344662 h 935623"/>
                <a:gd name="connsiteX48" fmla="*/ 286127 w 1026783"/>
                <a:gd name="connsiteY48" fmla="*/ 318614 h 935623"/>
                <a:gd name="connsiteX49" fmla="*/ 318684 w 1026783"/>
                <a:gd name="connsiteY49" fmla="*/ 286198 h 935623"/>
                <a:gd name="connsiteX50" fmla="*/ 214730 w 1026783"/>
                <a:gd name="connsiteY50" fmla="*/ 221269 h 935623"/>
                <a:gd name="connsiteX51" fmla="*/ 221203 w 1026783"/>
                <a:gd name="connsiteY51" fmla="*/ 188757 h 935623"/>
                <a:gd name="connsiteX52" fmla="*/ 331726 w 1026783"/>
                <a:gd name="connsiteY52" fmla="*/ 182292 h 935623"/>
                <a:gd name="connsiteX53" fmla="*/ 383702 w 1026783"/>
                <a:gd name="connsiteY53" fmla="*/ 136851 h 935623"/>
                <a:gd name="connsiteX54" fmla="*/ 396744 w 1026783"/>
                <a:gd name="connsiteY54" fmla="*/ 130387 h 935623"/>
                <a:gd name="connsiteX55" fmla="*/ 435679 w 1026783"/>
                <a:gd name="connsiteY55" fmla="*/ 156340 h 935623"/>
                <a:gd name="connsiteX56" fmla="*/ 461763 w 1026783"/>
                <a:gd name="connsiteY56" fmla="*/ 175353 h 935623"/>
                <a:gd name="connsiteX57" fmla="*/ 533255 w 1026783"/>
                <a:gd name="connsiteY57" fmla="*/ 123353 h 935623"/>
                <a:gd name="connsiteX58" fmla="*/ 591706 w 1026783"/>
                <a:gd name="connsiteY58" fmla="*/ 142841 h 935623"/>
                <a:gd name="connsiteX59" fmla="*/ 585232 w 1026783"/>
                <a:gd name="connsiteY59" fmla="*/ 64888 h 935623"/>
                <a:gd name="connsiteX60" fmla="*/ 650251 w 1026783"/>
                <a:gd name="connsiteY60" fmla="*/ 51959 h 935623"/>
                <a:gd name="connsiteX61" fmla="*/ 663198 w 1026783"/>
                <a:gd name="connsiteY61" fmla="*/ 26007 h 935623"/>
                <a:gd name="connsiteX62" fmla="*/ 734785 w 1026783"/>
                <a:gd name="connsiteY62" fmla="*/ 38935 h 935623"/>
                <a:gd name="connsiteX63" fmla="*/ 753824 w 1026783"/>
                <a:gd name="connsiteY63" fmla="*/ 12983 h 935623"/>
                <a:gd name="connsiteX64" fmla="*/ 799328 w 1026783"/>
                <a:gd name="connsiteY64" fmla="*/ 26007 h 935623"/>
                <a:gd name="connsiteX65" fmla="*/ 838263 w 1026783"/>
                <a:gd name="connsiteY65" fmla="*/ -41 h 93562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</a:cxnLst>
              <a:rect l="l" t="t" r="r" b="b"/>
              <a:pathLst>
                <a:path w="1026783" h="935623">
                  <a:moveTo>
                    <a:pt x="838453" y="434"/>
                  </a:moveTo>
                  <a:lnTo>
                    <a:pt x="871010" y="32946"/>
                  </a:lnTo>
                  <a:lnTo>
                    <a:pt x="831980" y="78387"/>
                  </a:lnTo>
                  <a:lnTo>
                    <a:pt x="903472" y="130387"/>
                  </a:lnTo>
                  <a:lnTo>
                    <a:pt x="987625" y="130387"/>
                  </a:lnTo>
                  <a:lnTo>
                    <a:pt x="987625" y="247221"/>
                  </a:lnTo>
                  <a:lnTo>
                    <a:pt x="1026656" y="292757"/>
                  </a:lnTo>
                  <a:lnTo>
                    <a:pt x="974584" y="383544"/>
                  </a:lnTo>
                  <a:lnTo>
                    <a:pt x="929461" y="396567"/>
                  </a:lnTo>
                  <a:lnTo>
                    <a:pt x="896999" y="487449"/>
                  </a:lnTo>
                  <a:lnTo>
                    <a:pt x="1007521" y="526425"/>
                  </a:lnTo>
                  <a:lnTo>
                    <a:pt x="948976" y="578425"/>
                  </a:lnTo>
                  <a:lnTo>
                    <a:pt x="929461" y="617402"/>
                  </a:lnTo>
                  <a:lnTo>
                    <a:pt x="896999" y="604378"/>
                  </a:lnTo>
                  <a:lnTo>
                    <a:pt x="877484" y="656283"/>
                  </a:lnTo>
                  <a:lnTo>
                    <a:pt x="851495" y="649819"/>
                  </a:lnTo>
                  <a:lnTo>
                    <a:pt x="831980" y="734236"/>
                  </a:lnTo>
                  <a:lnTo>
                    <a:pt x="792950" y="760188"/>
                  </a:lnTo>
                  <a:lnTo>
                    <a:pt x="708511" y="747260"/>
                  </a:lnTo>
                  <a:lnTo>
                    <a:pt x="669480" y="896606"/>
                  </a:lnTo>
                  <a:lnTo>
                    <a:pt x="584947" y="935582"/>
                  </a:lnTo>
                  <a:lnTo>
                    <a:pt x="474424" y="831677"/>
                  </a:lnTo>
                  <a:lnTo>
                    <a:pt x="415879" y="838141"/>
                  </a:lnTo>
                  <a:lnTo>
                    <a:pt x="376944" y="844606"/>
                  </a:lnTo>
                  <a:lnTo>
                    <a:pt x="383417" y="870653"/>
                  </a:lnTo>
                  <a:lnTo>
                    <a:pt x="337913" y="864094"/>
                  </a:lnTo>
                  <a:lnTo>
                    <a:pt x="318398" y="896606"/>
                  </a:lnTo>
                  <a:lnTo>
                    <a:pt x="279368" y="831677"/>
                  </a:lnTo>
                  <a:lnTo>
                    <a:pt x="305356" y="812664"/>
                  </a:lnTo>
                  <a:lnTo>
                    <a:pt x="233959" y="747735"/>
                  </a:lnTo>
                  <a:lnTo>
                    <a:pt x="201402" y="780247"/>
                  </a:lnTo>
                  <a:lnTo>
                    <a:pt x="168940" y="753724"/>
                  </a:lnTo>
                  <a:lnTo>
                    <a:pt x="194929" y="688795"/>
                  </a:lnTo>
                  <a:lnTo>
                    <a:pt x="175414" y="662747"/>
                  </a:lnTo>
                  <a:lnTo>
                    <a:pt x="168940" y="662747"/>
                  </a:lnTo>
                  <a:lnTo>
                    <a:pt x="116868" y="636700"/>
                  </a:lnTo>
                  <a:lnTo>
                    <a:pt x="103922" y="565306"/>
                  </a:lnTo>
                  <a:lnTo>
                    <a:pt x="84406" y="571771"/>
                  </a:lnTo>
                  <a:lnTo>
                    <a:pt x="19388" y="545818"/>
                  </a:lnTo>
                  <a:lnTo>
                    <a:pt x="-128" y="513401"/>
                  </a:lnTo>
                  <a:lnTo>
                    <a:pt x="45376" y="480889"/>
                  </a:lnTo>
                  <a:lnTo>
                    <a:pt x="71365" y="396472"/>
                  </a:lnTo>
                  <a:lnTo>
                    <a:pt x="90880" y="377554"/>
                  </a:lnTo>
                  <a:lnTo>
                    <a:pt x="123342" y="410067"/>
                  </a:lnTo>
                  <a:lnTo>
                    <a:pt x="110395" y="390578"/>
                  </a:lnTo>
                  <a:lnTo>
                    <a:pt x="175414" y="306161"/>
                  </a:lnTo>
                  <a:lnTo>
                    <a:pt x="194929" y="332114"/>
                  </a:lnTo>
                  <a:lnTo>
                    <a:pt x="292695" y="344662"/>
                  </a:lnTo>
                  <a:lnTo>
                    <a:pt x="286127" y="318614"/>
                  </a:lnTo>
                  <a:lnTo>
                    <a:pt x="318684" y="286198"/>
                  </a:lnTo>
                  <a:lnTo>
                    <a:pt x="214730" y="221269"/>
                  </a:lnTo>
                  <a:lnTo>
                    <a:pt x="221203" y="188757"/>
                  </a:lnTo>
                  <a:lnTo>
                    <a:pt x="331726" y="182292"/>
                  </a:lnTo>
                  <a:lnTo>
                    <a:pt x="383702" y="136851"/>
                  </a:lnTo>
                  <a:lnTo>
                    <a:pt x="396744" y="130387"/>
                  </a:lnTo>
                  <a:lnTo>
                    <a:pt x="435679" y="156340"/>
                  </a:lnTo>
                  <a:lnTo>
                    <a:pt x="461763" y="175353"/>
                  </a:lnTo>
                  <a:lnTo>
                    <a:pt x="533255" y="123353"/>
                  </a:lnTo>
                  <a:lnTo>
                    <a:pt x="591706" y="142841"/>
                  </a:lnTo>
                  <a:lnTo>
                    <a:pt x="585232" y="64888"/>
                  </a:lnTo>
                  <a:lnTo>
                    <a:pt x="650251" y="51959"/>
                  </a:lnTo>
                  <a:lnTo>
                    <a:pt x="663198" y="26007"/>
                  </a:lnTo>
                  <a:lnTo>
                    <a:pt x="734785" y="38935"/>
                  </a:lnTo>
                  <a:lnTo>
                    <a:pt x="753824" y="12983"/>
                  </a:lnTo>
                  <a:lnTo>
                    <a:pt x="799328" y="26007"/>
                  </a:lnTo>
                  <a:lnTo>
                    <a:pt x="838263" y="-41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912" name="Freihandform 26911">
              <a:extLst>
                <a:ext uri="{FF2B5EF4-FFF2-40B4-BE49-F238E27FC236}">
                  <a16:creationId xmlns:a16="http://schemas.microsoft.com/office/drawing/2014/main" id="{9244C9A2-3B49-1D48-64FB-F403B52F7A36}"/>
                </a:ext>
              </a:extLst>
            </p:cNvPr>
            <p:cNvSpPr/>
            <p:nvPr/>
          </p:nvSpPr>
          <p:spPr>
            <a:xfrm>
              <a:off x="4801422" y="2218205"/>
              <a:ext cx="318525" cy="317895"/>
            </a:xfrm>
            <a:custGeom>
              <a:avLst/>
              <a:gdLst>
                <a:gd name="connsiteX0" fmla="*/ 181887 w 318525"/>
                <a:gd name="connsiteY0" fmla="*/ -41 h 317895"/>
                <a:gd name="connsiteX1" fmla="*/ 136383 w 318525"/>
                <a:gd name="connsiteY1" fmla="*/ 32471 h 317895"/>
                <a:gd name="connsiteX2" fmla="*/ 84311 w 318525"/>
                <a:gd name="connsiteY2" fmla="*/ 19447 h 317895"/>
                <a:gd name="connsiteX3" fmla="*/ 71365 w 318525"/>
                <a:gd name="connsiteY3" fmla="*/ 77911 h 317895"/>
                <a:gd name="connsiteX4" fmla="*/ -128 w 318525"/>
                <a:gd name="connsiteY4" fmla="*/ 110138 h 317895"/>
                <a:gd name="connsiteX5" fmla="*/ 38903 w 318525"/>
                <a:gd name="connsiteY5" fmla="*/ 181532 h 317895"/>
                <a:gd name="connsiteX6" fmla="*/ 6346 w 318525"/>
                <a:gd name="connsiteY6" fmla="*/ 259390 h 317895"/>
                <a:gd name="connsiteX7" fmla="*/ 25861 w 318525"/>
                <a:gd name="connsiteY7" fmla="*/ 317854 h 317895"/>
                <a:gd name="connsiteX8" fmla="*/ 38903 w 318525"/>
                <a:gd name="connsiteY8" fmla="*/ 278878 h 317895"/>
                <a:gd name="connsiteX9" fmla="*/ 90880 w 318525"/>
                <a:gd name="connsiteY9" fmla="*/ 259865 h 317895"/>
                <a:gd name="connsiteX10" fmla="*/ 227391 w 318525"/>
                <a:gd name="connsiteY10" fmla="*/ 201495 h 317895"/>
                <a:gd name="connsiteX11" fmla="*/ 318398 w 318525"/>
                <a:gd name="connsiteY11" fmla="*/ 143031 h 317895"/>
                <a:gd name="connsiteX12" fmla="*/ 272894 w 318525"/>
                <a:gd name="connsiteY12" fmla="*/ 52149 h 317895"/>
                <a:gd name="connsiteX13" fmla="*/ 220917 w 318525"/>
                <a:gd name="connsiteY13" fmla="*/ 58613 h 317895"/>
                <a:gd name="connsiteX14" fmla="*/ 207495 w 318525"/>
                <a:gd name="connsiteY14" fmla="*/ 12983 h 317895"/>
                <a:gd name="connsiteX15" fmla="*/ 181506 w 318525"/>
                <a:gd name="connsiteY15" fmla="*/ -41 h 31789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</a:cxnLst>
              <a:rect l="l" t="t" r="r" b="b"/>
              <a:pathLst>
                <a:path w="318525" h="317895">
                  <a:moveTo>
                    <a:pt x="181887" y="-41"/>
                  </a:moveTo>
                  <a:lnTo>
                    <a:pt x="136383" y="32471"/>
                  </a:lnTo>
                  <a:lnTo>
                    <a:pt x="84311" y="19447"/>
                  </a:lnTo>
                  <a:lnTo>
                    <a:pt x="71365" y="77911"/>
                  </a:lnTo>
                  <a:lnTo>
                    <a:pt x="-128" y="110138"/>
                  </a:lnTo>
                  <a:lnTo>
                    <a:pt x="38903" y="181532"/>
                  </a:lnTo>
                  <a:lnTo>
                    <a:pt x="6346" y="259390"/>
                  </a:lnTo>
                  <a:lnTo>
                    <a:pt x="25861" y="317854"/>
                  </a:lnTo>
                  <a:lnTo>
                    <a:pt x="38903" y="278878"/>
                  </a:lnTo>
                  <a:lnTo>
                    <a:pt x="90880" y="259865"/>
                  </a:lnTo>
                  <a:lnTo>
                    <a:pt x="227391" y="201495"/>
                  </a:lnTo>
                  <a:lnTo>
                    <a:pt x="318398" y="143031"/>
                  </a:lnTo>
                  <a:lnTo>
                    <a:pt x="272894" y="52149"/>
                  </a:lnTo>
                  <a:lnTo>
                    <a:pt x="220917" y="58613"/>
                  </a:lnTo>
                  <a:lnTo>
                    <a:pt x="207495" y="12983"/>
                  </a:lnTo>
                  <a:lnTo>
                    <a:pt x="181506" y="-41"/>
                  </a:lnTo>
                </a:path>
              </a:pathLst>
            </a:custGeom>
            <a:grpFill/>
            <a:ln w="26924" cap="rnd">
              <a:solidFill>
                <a:schemeClr val="bg1"/>
              </a:solidFill>
              <a:prstDash val="solid"/>
              <a:round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</p:grpSp>
      <p:sp>
        <p:nvSpPr>
          <p:cNvPr id="26914" name="Textfeld 26913">
            <a:extLst>
              <a:ext uri="{FF2B5EF4-FFF2-40B4-BE49-F238E27FC236}">
                <a16:creationId xmlns:a16="http://schemas.microsoft.com/office/drawing/2014/main" id="{00690FEC-A213-AA76-CF9C-C625A0D179A4}"/>
              </a:ext>
            </a:extLst>
          </p:cNvPr>
          <p:cNvSpPr txBox="1"/>
          <p:nvPr/>
        </p:nvSpPr>
        <p:spPr>
          <a:xfrm>
            <a:off x="351299" y="194836"/>
            <a:ext cx="3408712" cy="861774"/>
          </a:xfrm>
          <a:prstGeom prst="rect">
            <a:avLst/>
          </a:prstGeom>
          <a:noFill/>
          <a:ln>
            <a:noFill/>
          </a:ln>
        </p:spPr>
        <p:txBody>
          <a:bodyPr wrap="square" lIns="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800" b="1" i="0" u="none" strike="noStrike" kern="1200" cap="none" spc="0" normalizeH="0" baseline="0" noProof="0" dirty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Regionale Dynamik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200" cap="none" spc="0" normalizeH="0" baseline="0" noProof="0" dirty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Arbeitslosenquote </a:t>
            </a:r>
            <a:r>
              <a:rPr kumimoji="0" lang="de-DE" sz="1400" b="0" i="0" u="none" strike="noStrike" kern="1200" cap="none" spc="0" normalizeH="0" baseline="0" noProof="0" dirty="0" smtClean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April 2024 </a:t>
            </a:r>
            <a:r>
              <a:rPr kumimoji="0" lang="de-DE" sz="1400" b="0" i="0" u="none" strike="noStrike" kern="1200" cap="none" spc="0" normalizeH="0" baseline="0" noProof="0" dirty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nach </a:t>
            </a:r>
            <a:r>
              <a:rPr kumimoji="0" lang="de-DE" sz="1400" b="0" i="0" u="none" strike="noStrike" kern="1200" cap="none" spc="0" normalizeH="0" baseline="0" noProof="0" dirty="0" smtClean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Arbeitsmarktbezirk</a:t>
            </a:r>
            <a:r>
              <a:rPr kumimoji="0" lang="de-DE" sz="1400" b="0" i="0" u="none" strike="noStrike" kern="1200" cap="none" spc="0" normalizeH="0" baseline="0" noProof="0" dirty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*</a:t>
            </a:r>
          </a:p>
        </p:txBody>
      </p:sp>
      <p:grpSp>
        <p:nvGrpSpPr>
          <p:cNvPr id="7" name="Gruppieren 6">
            <a:extLst>
              <a:ext uri="{FF2B5EF4-FFF2-40B4-BE49-F238E27FC236}">
                <a16:creationId xmlns:a16="http://schemas.microsoft.com/office/drawing/2014/main" id="{B7075D91-998B-5E64-CBD1-DB031DF03BC0}"/>
              </a:ext>
            </a:extLst>
          </p:cNvPr>
          <p:cNvGrpSpPr/>
          <p:nvPr/>
        </p:nvGrpSpPr>
        <p:grpSpPr>
          <a:xfrm>
            <a:off x="3344017" y="878901"/>
            <a:ext cx="605009" cy="706459"/>
            <a:chOff x="1716351" y="1668620"/>
            <a:chExt cx="605009" cy="706459"/>
          </a:xfrm>
        </p:grpSpPr>
        <p:sp>
          <p:nvSpPr>
            <p:cNvPr id="4" name="Grafik 2">
              <a:extLst>
                <a:ext uri="{FF2B5EF4-FFF2-40B4-BE49-F238E27FC236}">
                  <a16:creationId xmlns:a16="http://schemas.microsoft.com/office/drawing/2014/main" id="{A68F536C-9B6B-B61B-DEB6-6EECD08E321E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7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5" name="Textfeld 4">
              <a:extLst>
                <a:ext uri="{FF2B5EF4-FFF2-40B4-BE49-F238E27FC236}">
                  <a16:creationId xmlns:a16="http://schemas.microsoft.com/office/drawing/2014/main" id="{3F57F6C8-2417-9E28-C291-7C1F414FEE31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3,5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26" name="Gruppieren 25">
            <a:extLst>
              <a:ext uri="{FF2B5EF4-FFF2-40B4-BE49-F238E27FC236}">
                <a16:creationId xmlns:a16="http://schemas.microsoft.com/office/drawing/2014/main" id="{E2E31AC4-107E-6E13-F2F4-6FC92043FE1E}"/>
              </a:ext>
            </a:extLst>
          </p:cNvPr>
          <p:cNvGrpSpPr/>
          <p:nvPr/>
        </p:nvGrpSpPr>
        <p:grpSpPr>
          <a:xfrm>
            <a:off x="5877327" y="2927046"/>
            <a:ext cx="605009" cy="706459"/>
            <a:chOff x="1716351" y="1668620"/>
            <a:chExt cx="605009" cy="706459"/>
          </a:xfrm>
        </p:grpSpPr>
        <p:sp>
          <p:nvSpPr>
            <p:cNvPr id="27" name="Grafik 2">
              <a:extLst>
                <a:ext uri="{FF2B5EF4-FFF2-40B4-BE49-F238E27FC236}">
                  <a16:creationId xmlns:a16="http://schemas.microsoft.com/office/drawing/2014/main" id="{8BCE6429-9C31-D34F-D443-CC40AAE98605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1,4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8" name="Textfeld 27">
              <a:extLst>
                <a:ext uri="{FF2B5EF4-FFF2-40B4-BE49-F238E27FC236}">
                  <a16:creationId xmlns:a16="http://schemas.microsoft.com/office/drawing/2014/main" id="{65539297-41B1-711C-C15C-807F2C7BD4F5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6,9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29" name="Gruppieren 28">
            <a:extLst>
              <a:ext uri="{FF2B5EF4-FFF2-40B4-BE49-F238E27FC236}">
                <a16:creationId xmlns:a16="http://schemas.microsoft.com/office/drawing/2014/main" id="{68ABD0EA-F359-BF72-278E-81A639D3FC3E}"/>
              </a:ext>
            </a:extLst>
          </p:cNvPr>
          <p:cNvGrpSpPr/>
          <p:nvPr/>
        </p:nvGrpSpPr>
        <p:grpSpPr>
          <a:xfrm>
            <a:off x="4505041" y="2017032"/>
            <a:ext cx="605009" cy="706459"/>
            <a:chOff x="1716351" y="1668620"/>
            <a:chExt cx="605009" cy="706459"/>
          </a:xfrm>
        </p:grpSpPr>
        <p:sp>
          <p:nvSpPr>
            <p:cNvPr id="30" name="Grafik 2">
              <a:extLst>
                <a:ext uri="{FF2B5EF4-FFF2-40B4-BE49-F238E27FC236}">
                  <a16:creationId xmlns:a16="http://schemas.microsoft.com/office/drawing/2014/main" id="{C17904F2-389C-9755-89B2-C9938EB0EBA6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1,0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31" name="Textfeld 30">
              <a:extLst>
                <a:ext uri="{FF2B5EF4-FFF2-40B4-BE49-F238E27FC236}">
                  <a16:creationId xmlns:a16="http://schemas.microsoft.com/office/drawing/2014/main" id="{738614C6-710E-A124-37AA-74CA7534659F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5,9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32" name="Gruppieren 31">
            <a:extLst>
              <a:ext uri="{FF2B5EF4-FFF2-40B4-BE49-F238E27FC236}">
                <a16:creationId xmlns:a16="http://schemas.microsoft.com/office/drawing/2014/main" id="{3B5B0EC2-79D8-E023-A2D2-2A511B50F50D}"/>
              </a:ext>
            </a:extLst>
          </p:cNvPr>
          <p:cNvGrpSpPr/>
          <p:nvPr/>
        </p:nvGrpSpPr>
        <p:grpSpPr>
          <a:xfrm>
            <a:off x="5314529" y="1681732"/>
            <a:ext cx="605009" cy="706459"/>
            <a:chOff x="1716351" y="1668620"/>
            <a:chExt cx="605009" cy="706459"/>
          </a:xfrm>
        </p:grpSpPr>
        <p:sp>
          <p:nvSpPr>
            <p:cNvPr id="33" name="Grafik 2">
              <a:extLst>
                <a:ext uri="{FF2B5EF4-FFF2-40B4-BE49-F238E27FC236}">
                  <a16:creationId xmlns:a16="http://schemas.microsoft.com/office/drawing/2014/main" id="{A477E764-EC73-D7E8-E30C-C12B50BE7AED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7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34" name="Textfeld 33">
              <a:extLst>
                <a:ext uri="{FF2B5EF4-FFF2-40B4-BE49-F238E27FC236}">
                  <a16:creationId xmlns:a16="http://schemas.microsoft.com/office/drawing/2014/main" id="{08DB1B73-1AEF-1F5F-95A2-7F0154C231B9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4,4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35" name="Gruppieren 34">
            <a:extLst>
              <a:ext uri="{FF2B5EF4-FFF2-40B4-BE49-F238E27FC236}">
                <a16:creationId xmlns:a16="http://schemas.microsoft.com/office/drawing/2014/main" id="{3792A3A6-CFC5-1343-09C1-4C7BC43E5DFD}"/>
              </a:ext>
            </a:extLst>
          </p:cNvPr>
          <p:cNvGrpSpPr/>
          <p:nvPr/>
        </p:nvGrpSpPr>
        <p:grpSpPr>
          <a:xfrm>
            <a:off x="6522457" y="1501732"/>
            <a:ext cx="605009" cy="706459"/>
            <a:chOff x="1716351" y="1668620"/>
            <a:chExt cx="605009" cy="706459"/>
          </a:xfrm>
        </p:grpSpPr>
        <p:sp>
          <p:nvSpPr>
            <p:cNvPr id="36" name="Grafik 2">
              <a:extLst>
                <a:ext uri="{FF2B5EF4-FFF2-40B4-BE49-F238E27FC236}">
                  <a16:creationId xmlns:a16="http://schemas.microsoft.com/office/drawing/2014/main" id="{82F79087-BDD3-653F-3E2E-03CDAEB89050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3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37" name="Textfeld 36">
              <a:extLst>
                <a:ext uri="{FF2B5EF4-FFF2-40B4-BE49-F238E27FC236}">
                  <a16:creationId xmlns:a16="http://schemas.microsoft.com/office/drawing/2014/main" id="{21480DA6-8434-5E1A-2DFE-04C284FC5EA4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3,1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38" name="Gruppieren 37">
            <a:extLst>
              <a:ext uri="{FF2B5EF4-FFF2-40B4-BE49-F238E27FC236}">
                <a16:creationId xmlns:a16="http://schemas.microsoft.com/office/drawing/2014/main" id="{B41B4609-6C76-D6F1-8365-E01E665B9307}"/>
              </a:ext>
            </a:extLst>
          </p:cNvPr>
          <p:cNvGrpSpPr/>
          <p:nvPr/>
        </p:nvGrpSpPr>
        <p:grpSpPr>
          <a:xfrm>
            <a:off x="6168845" y="675009"/>
            <a:ext cx="605009" cy="706459"/>
            <a:chOff x="1716351" y="1668620"/>
            <a:chExt cx="605009" cy="706459"/>
          </a:xfrm>
        </p:grpSpPr>
        <p:sp>
          <p:nvSpPr>
            <p:cNvPr id="39" name="Grafik 2">
              <a:extLst>
                <a:ext uri="{FF2B5EF4-FFF2-40B4-BE49-F238E27FC236}">
                  <a16:creationId xmlns:a16="http://schemas.microsoft.com/office/drawing/2014/main" id="{735F2788-D528-80BF-D7AE-B48D5D230FD3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0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40" name="Textfeld 39">
              <a:extLst>
                <a:ext uri="{FF2B5EF4-FFF2-40B4-BE49-F238E27FC236}">
                  <a16:creationId xmlns:a16="http://schemas.microsoft.com/office/drawing/2014/main" id="{BA96D832-866A-1A60-33B5-CE05AD9749A3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2,3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41" name="Gruppieren 40">
            <a:extLst>
              <a:ext uri="{FF2B5EF4-FFF2-40B4-BE49-F238E27FC236}">
                <a16:creationId xmlns:a16="http://schemas.microsoft.com/office/drawing/2014/main" id="{C07BE50D-F105-482E-113B-E696BDD07348}"/>
              </a:ext>
            </a:extLst>
          </p:cNvPr>
          <p:cNvGrpSpPr/>
          <p:nvPr/>
        </p:nvGrpSpPr>
        <p:grpSpPr>
          <a:xfrm>
            <a:off x="5242805" y="797405"/>
            <a:ext cx="605009" cy="706459"/>
            <a:chOff x="1716351" y="1668620"/>
            <a:chExt cx="605009" cy="706459"/>
          </a:xfrm>
        </p:grpSpPr>
        <p:sp>
          <p:nvSpPr>
            <p:cNvPr id="42" name="Grafik 2">
              <a:extLst>
                <a:ext uri="{FF2B5EF4-FFF2-40B4-BE49-F238E27FC236}">
                  <a16:creationId xmlns:a16="http://schemas.microsoft.com/office/drawing/2014/main" id="{9C8164A0-B5B5-42F8-E83C-F2627E3AF297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7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43" name="Textfeld 42">
              <a:extLst>
                <a:ext uri="{FF2B5EF4-FFF2-40B4-BE49-F238E27FC236}">
                  <a16:creationId xmlns:a16="http://schemas.microsoft.com/office/drawing/2014/main" id="{FEFA3121-1D27-E4AB-00F0-4C7A6A98F2D2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5,9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44" name="Gruppieren 43">
            <a:extLst>
              <a:ext uri="{FF2B5EF4-FFF2-40B4-BE49-F238E27FC236}">
                <a16:creationId xmlns:a16="http://schemas.microsoft.com/office/drawing/2014/main" id="{67ABDD07-684E-63EB-5B4C-50470FE1C243}"/>
              </a:ext>
            </a:extLst>
          </p:cNvPr>
          <p:cNvGrpSpPr/>
          <p:nvPr/>
        </p:nvGrpSpPr>
        <p:grpSpPr>
          <a:xfrm>
            <a:off x="4384826" y="352442"/>
            <a:ext cx="605009" cy="706459"/>
            <a:chOff x="1716351" y="1668620"/>
            <a:chExt cx="605009" cy="706459"/>
          </a:xfrm>
        </p:grpSpPr>
        <p:sp>
          <p:nvSpPr>
            <p:cNvPr id="45" name="Grafik 2">
              <a:extLst>
                <a:ext uri="{FF2B5EF4-FFF2-40B4-BE49-F238E27FC236}">
                  <a16:creationId xmlns:a16="http://schemas.microsoft.com/office/drawing/2014/main" id="{3A3F6107-F9EB-261A-D58A-976FAE2854B9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3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46" name="Textfeld 45">
              <a:extLst>
                <a:ext uri="{FF2B5EF4-FFF2-40B4-BE49-F238E27FC236}">
                  <a16:creationId xmlns:a16="http://schemas.microsoft.com/office/drawing/2014/main" id="{CD212263-27FA-FF40-6728-B43EA7A46AAB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2,0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47" name="Gruppieren 46">
            <a:extLst>
              <a:ext uri="{FF2B5EF4-FFF2-40B4-BE49-F238E27FC236}">
                <a16:creationId xmlns:a16="http://schemas.microsoft.com/office/drawing/2014/main" id="{96924149-B5B3-8CBC-9FA6-0ED358137BAF}"/>
              </a:ext>
            </a:extLst>
          </p:cNvPr>
          <p:cNvGrpSpPr/>
          <p:nvPr/>
        </p:nvGrpSpPr>
        <p:grpSpPr>
          <a:xfrm>
            <a:off x="4448670" y="1239974"/>
            <a:ext cx="605009" cy="706459"/>
            <a:chOff x="1716351" y="1668620"/>
            <a:chExt cx="605009" cy="706459"/>
          </a:xfrm>
        </p:grpSpPr>
        <p:sp>
          <p:nvSpPr>
            <p:cNvPr id="48" name="Grafik 2">
              <a:extLst>
                <a:ext uri="{FF2B5EF4-FFF2-40B4-BE49-F238E27FC236}">
                  <a16:creationId xmlns:a16="http://schemas.microsoft.com/office/drawing/2014/main" id="{59BF77AA-1C45-E4FE-621D-EFA35B7882AC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4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49" name="Textfeld 48">
              <a:extLst>
                <a:ext uri="{FF2B5EF4-FFF2-40B4-BE49-F238E27FC236}">
                  <a16:creationId xmlns:a16="http://schemas.microsoft.com/office/drawing/2014/main" id="{91CEAD7F-4366-2171-F241-B6AFE014BE3E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2,5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50" name="Gruppieren 49">
            <a:extLst>
              <a:ext uri="{FF2B5EF4-FFF2-40B4-BE49-F238E27FC236}">
                <a16:creationId xmlns:a16="http://schemas.microsoft.com/office/drawing/2014/main" id="{77F0444B-A171-CF51-1D90-0FF3EEFCA210}"/>
              </a:ext>
            </a:extLst>
          </p:cNvPr>
          <p:cNvGrpSpPr/>
          <p:nvPr/>
        </p:nvGrpSpPr>
        <p:grpSpPr>
          <a:xfrm>
            <a:off x="3805922" y="1670362"/>
            <a:ext cx="605009" cy="706459"/>
            <a:chOff x="1716351" y="1668620"/>
            <a:chExt cx="605009" cy="706459"/>
          </a:xfrm>
        </p:grpSpPr>
        <p:sp>
          <p:nvSpPr>
            <p:cNvPr id="51" name="Grafik 2">
              <a:extLst>
                <a:ext uri="{FF2B5EF4-FFF2-40B4-BE49-F238E27FC236}">
                  <a16:creationId xmlns:a16="http://schemas.microsoft.com/office/drawing/2014/main" id="{BBEB304A-581B-1998-AC87-1C44641BE6DA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8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52" name="Textfeld 51">
              <a:extLst>
                <a:ext uri="{FF2B5EF4-FFF2-40B4-BE49-F238E27FC236}">
                  <a16:creationId xmlns:a16="http://schemas.microsoft.com/office/drawing/2014/main" id="{688A711C-655E-0615-40E5-D80BD945727F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2,9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53" name="Gruppieren 52">
            <a:extLst>
              <a:ext uri="{FF2B5EF4-FFF2-40B4-BE49-F238E27FC236}">
                <a16:creationId xmlns:a16="http://schemas.microsoft.com/office/drawing/2014/main" id="{3F8B437C-6700-44D2-59C7-825BAF497BF2}"/>
              </a:ext>
            </a:extLst>
          </p:cNvPr>
          <p:cNvGrpSpPr/>
          <p:nvPr/>
        </p:nvGrpSpPr>
        <p:grpSpPr>
          <a:xfrm>
            <a:off x="3013833" y="1670362"/>
            <a:ext cx="605009" cy="706459"/>
            <a:chOff x="1716351" y="1668620"/>
            <a:chExt cx="605009" cy="706459"/>
          </a:xfrm>
        </p:grpSpPr>
        <p:sp>
          <p:nvSpPr>
            <p:cNvPr id="54" name="Grafik 2">
              <a:extLst>
                <a:ext uri="{FF2B5EF4-FFF2-40B4-BE49-F238E27FC236}">
                  <a16:creationId xmlns:a16="http://schemas.microsoft.com/office/drawing/2014/main" id="{D9AEAEAF-5602-E084-78D5-F9A22B96C221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4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55" name="Textfeld 54">
              <a:extLst>
                <a:ext uri="{FF2B5EF4-FFF2-40B4-BE49-F238E27FC236}">
                  <a16:creationId xmlns:a16="http://schemas.microsoft.com/office/drawing/2014/main" id="{1503C28D-CB63-E933-17B9-B3F370C07C6C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3,3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56" name="Gruppieren 55">
            <a:extLst>
              <a:ext uri="{FF2B5EF4-FFF2-40B4-BE49-F238E27FC236}">
                <a16:creationId xmlns:a16="http://schemas.microsoft.com/office/drawing/2014/main" id="{653ED56D-E170-E958-9820-7B7644653EA3}"/>
              </a:ext>
            </a:extLst>
          </p:cNvPr>
          <p:cNvGrpSpPr/>
          <p:nvPr/>
        </p:nvGrpSpPr>
        <p:grpSpPr>
          <a:xfrm>
            <a:off x="2157706" y="1976620"/>
            <a:ext cx="605009" cy="706459"/>
            <a:chOff x="1716351" y="1668620"/>
            <a:chExt cx="605009" cy="706459"/>
          </a:xfrm>
        </p:grpSpPr>
        <p:sp>
          <p:nvSpPr>
            <p:cNvPr id="57" name="Grafik 2">
              <a:extLst>
                <a:ext uri="{FF2B5EF4-FFF2-40B4-BE49-F238E27FC236}">
                  <a16:creationId xmlns:a16="http://schemas.microsoft.com/office/drawing/2014/main" id="{AEDD7562-B96B-27A6-3F9E-D31F5E2DCDA3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1,1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58" name="Textfeld 57">
              <a:extLst>
                <a:ext uri="{FF2B5EF4-FFF2-40B4-BE49-F238E27FC236}">
                  <a16:creationId xmlns:a16="http://schemas.microsoft.com/office/drawing/2014/main" id="{8E525C5A-72E6-98EB-FF55-00705EBC8A6A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4,8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59" name="Gruppieren 58">
            <a:extLst>
              <a:ext uri="{FF2B5EF4-FFF2-40B4-BE49-F238E27FC236}">
                <a16:creationId xmlns:a16="http://schemas.microsoft.com/office/drawing/2014/main" id="{A43EB548-D487-A855-DFE6-43B2B7D4FDA4}"/>
              </a:ext>
            </a:extLst>
          </p:cNvPr>
          <p:cNvGrpSpPr/>
          <p:nvPr/>
        </p:nvGrpSpPr>
        <p:grpSpPr>
          <a:xfrm>
            <a:off x="3306465" y="2746337"/>
            <a:ext cx="605009" cy="706459"/>
            <a:chOff x="1716351" y="1668620"/>
            <a:chExt cx="605009" cy="706459"/>
          </a:xfrm>
        </p:grpSpPr>
        <p:sp>
          <p:nvSpPr>
            <p:cNvPr id="60" name="Grafik 2">
              <a:extLst>
                <a:ext uri="{FF2B5EF4-FFF2-40B4-BE49-F238E27FC236}">
                  <a16:creationId xmlns:a16="http://schemas.microsoft.com/office/drawing/2014/main" id="{D0FF266E-3365-A9CD-F5B1-0A082F7CB189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0,6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61" name="Textfeld 60">
              <a:extLst>
                <a:ext uri="{FF2B5EF4-FFF2-40B4-BE49-F238E27FC236}">
                  <a16:creationId xmlns:a16="http://schemas.microsoft.com/office/drawing/2014/main" id="{86126D80-7790-0708-EF87-FED8D9C5DC11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3,8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62" name="Gruppieren 61">
            <a:extLst>
              <a:ext uri="{FF2B5EF4-FFF2-40B4-BE49-F238E27FC236}">
                <a16:creationId xmlns:a16="http://schemas.microsoft.com/office/drawing/2014/main" id="{F2D005AC-E2F8-EFDA-0548-6A977C230518}"/>
              </a:ext>
            </a:extLst>
          </p:cNvPr>
          <p:cNvGrpSpPr/>
          <p:nvPr/>
        </p:nvGrpSpPr>
        <p:grpSpPr>
          <a:xfrm>
            <a:off x="4133169" y="3165902"/>
            <a:ext cx="605009" cy="706459"/>
            <a:chOff x="1716351" y="1668620"/>
            <a:chExt cx="605009" cy="706459"/>
          </a:xfrm>
        </p:grpSpPr>
        <p:sp>
          <p:nvSpPr>
            <p:cNvPr id="63" name="Grafik 2">
              <a:extLst>
                <a:ext uri="{FF2B5EF4-FFF2-40B4-BE49-F238E27FC236}">
                  <a16:creationId xmlns:a16="http://schemas.microsoft.com/office/drawing/2014/main" id="{943A17B9-0C9D-C6F5-976E-C2254B9B63A6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0,4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81" name="Textfeld 26880">
              <a:extLst>
                <a:ext uri="{FF2B5EF4-FFF2-40B4-BE49-F238E27FC236}">
                  <a16:creationId xmlns:a16="http://schemas.microsoft.com/office/drawing/2014/main" id="{9B826D4F-9982-14A6-35BB-BCC7009AEB09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3,2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grpSp>
        <p:nvGrpSpPr>
          <p:cNvPr id="26883" name="Gruppieren 26882">
            <a:extLst>
              <a:ext uri="{FF2B5EF4-FFF2-40B4-BE49-F238E27FC236}">
                <a16:creationId xmlns:a16="http://schemas.microsoft.com/office/drawing/2014/main" id="{CDE8CA18-EAB5-3818-87E1-950304A6FA68}"/>
              </a:ext>
            </a:extLst>
          </p:cNvPr>
          <p:cNvGrpSpPr/>
          <p:nvPr/>
        </p:nvGrpSpPr>
        <p:grpSpPr>
          <a:xfrm>
            <a:off x="5077013" y="3172673"/>
            <a:ext cx="605009" cy="706459"/>
            <a:chOff x="1716351" y="1668620"/>
            <a:chExt cx="605009" cy="706459"/>
          </a:xfrm>
        </p:grpSpPr>
        <p:sp>
          <p:nvSpPr>
            <p:cNvPr id="26885" name="Grafik 2">
              <a:extLst>
                <a:ext uri="{FF2B5EF4-FFF2-40B4-BE49-F238E27FC236}">
                  <a16:creationId xmlns:a16="http://schemas.microsoft.com/office/drawing/2014/main" id="{2B17A185-CA34-BACA-2CB0-39CE40E28770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716351" y="2015079"/>
              <a:ext cx="597925" cy="360000"/>
            </a:xfrm>
            <a:custGeom>
              <a:avLst/>
              <a:gdLst>
                <a:gd name="connsiteX0" fmla="*/ 1905000 w 1905000"/>
                <a:gd name="connsiteY0" fmla="*/ 0 h 1146967"/>
                <a:gd name="connsiteX1" fmla="*/ 0 w 1905000"/>
                <a:gd name="connsiteY1" fmla="*/ 0 h 1146967"/>
                <a:gd name="connsiteX2" fmla="*/ 0 w 1905000"/>
                <a:gd name="connsiteY2" fmla="*/ 809641 h 1146967"/>
                <a:gd name="connsiteX3" fmla="*/ 1064133 w 1905000"/>
                <a:gd name="connsiteY3" fmla="*/ 809641 h 1146967"/>
                <a:gd name="connsiteX4" fmla="*/ 1302258 w 1905000"/>
                <a:gd name="connsiteY4" fmla="*/ 1146967 h 1146967"/>
                <a:gd name="connsiteX5" fmla="*/ 1540288 w 1905000"/>
                <a:gd name="connsiteY5" fmla="*/ 809641 h 1146967"/>
                <a:gd name="connsiteX6" fmla="*/ 1905000 w 1905000"/>
                <a:gd name="connsiteY6" fmla="*/ 809641 h 1146967"/>
                <a:gd name="connsiteX7" fmla="*/ 1905000 w 1905000"/>
                <a:gd name="connsiteY7" fmla="*/ 0 h 114696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905000" h="1146967">
                  <a:moveTo>
                    <a:pt x="1905000" y="0"/>
                  </a:moveTo>
                  <a:lnTo>
                    <a:pt x="0" y="0"/>
                  </a:lnTo>
                  <a:lnTo>
                    <a:pt x="0" y="809641"/>
                  </a:lnTo>
                  <a:lnTo>
                    <a:pt x="1064133" y="809641"/>
                  </a:lnTo>
                  <a:lnTo>
                    <a:pt x="1302258" y="1146967"/>
                  </a:lnTo>
                  <a:lnTo>
                    <a:pt x="1540288" y="809641"/>
                  </a:lnTo>
                  <a:lnTo>
                    <a:pt x="1905000" y="809641"/>
                  </a:lnTo>
                  <a:lnTo>
                    <a:pt x="1905000" y="0"/>
                  </a:lnTo>
                  <a:close/>
                </a:path>
              </a:pathLst>
            </a:custGeom>
            <a:solidFill>
              <a:srgbClr val="E4002D"/>
            </a:solidFill>
            <a:ln w="0" cap="flat">
              <a:noFill/>
              <a:prstDash val="solid"/>
              <a:miter/>
            </a:ln>
          </p:spPr>
          <p:txBody>
            <a:bodyPr wrap="square" lIns="0" tIns="18000" rIns="0" bIns="0" rtlCol="0" anchor="t" anchorCtr="0"/>
            <a:lstStyle/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12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+ </a:t>
              </a:r>
              <a:r>
                <a:rPr kumimoji="0" lang="de-DE" sz="12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Arial" panose="020B0604020202020204" pitchFamily="34" charset="0"/>
                </a:rPr>
                <a:t>0,8%</a:t>
              </a:r>
              <a:endPara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87" name="Textfeld 26886">
              <a:extLst>
                <a:ext uri="{FF2B5EF4-FFF2-40B4-BE49-F238E27FC236}">
                  <a16:creationId xmlns:a16="http://schemas.microsoft.com/office/drawing/2014/main" id="{79B17EE0-B998-B298-763D-B225A98EC13F}"/>
                </a:ext>
              </a:extLst>
            </p:cNvPr>
            <p:cNvSpPr txBox="1"/>
            <p:nvPr/>
          </p:nvSpPr>
          <p:spPr>
            <a:xfrm>
              <a:off x="1723434" y="1668620"/>
              <a:ext cx="597926" cy="360001"/>
            </a:xfrm>
            <a:prstGeom prst="rect">
              <a:avLst/>
            </a:prstGeom>
            <a:noFill/>
            <a:ln>
              <a:noFill/>
            </a:ln>
          </p:spPr>
          <p:txBody>
            <a:bodyPr wrap="none" lIns="0" tIns="0" rIns="0" bIns="0" rtlCol="0" anchor="t" anchorCtr="0">
              <a:noAutofit/>
            </a:bodyPr>
            <a:lstStyle>
              <a:lvl1pPr marL="0" indent="0">
                <a:defRPr sz="1100"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de-DE" sz="2000" b="1" i="0" u="none" strike="noStrike" kern="1200" cap="none" spc="0" normalizeH="0" baseline="0" noProof="0" dirty="0" smtClean="0">
                  <a:ln>
                    <a:noFill/>
                  </a:ln>
                  <a:solidFill>
                    <a:srgbClr val="E4002D"/>
                  </a:solidFill>
                  <a:effectLst/>
                  <a:uLnTx/>
                  <a:uFillTx/>
                  <a:latin typeface="Arial" panose="020B0604020202020204" pitchFamily="34" charset="0"/>
                  <a:ea typeface="+mn-ea"/>
                  <a:cs typeface="+mn-cs"/>
                </a:rPr>
                <a:t>3,9%</a:t>
              </a:r>
              <a:endParaRPr kumimoji="0" lang="de-DE" sz="2000" b="1" i="0" u="none" strike="noStrike" kern="1200" cap="none" spc="0" normalizeH="0" baseline="0" noProof="0" dirty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endParaRPr>
            </a:p>
          </p:txBody>
        </p:sp>
      </p:grpSp>
      <p:sp>
        <p:nvSpPr>
          <p:cNvPr id="26889" name="Textfeld 26888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611560" y="3478501"/>
            <a:ext cx="1954730" cy="830997"/>
          </a:xfrm>
          <a:prstGeom prst="rect">
            <a:avLst/>
          </a:prstGeom>
          <a:noFill/>
          <a:ln>
            <a:noFill/>
          </a:ln>
        </p:spPr>
        <p:txBody>
          <a:bodyPr wrap="square" lIns="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5400" b="1" i="0" u="none" strike="noStrike" kern="1200" cap="none" spc="0" normalizeH="0" baseline="0" noProof="0" dirty="0" smtClean="0">
                <a:ln>
                  <a:noFill/>
                </a:ln>
                <a:solidFill>
                  <a:srgbClr val="E4002D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4,3%</a:t>
            </a:r>
            <a:endParaRPr kumimoji="0" lang="de-DE" sz="5400" b="1" i="0" u="none" strike="noStrike" kern="1200" cap="none" spc="0" normalizeH="0" baseline="0" noProof="0" dirty="0">
              <a:ln>
                <a:noFill/>
              </a:ln>
              <a:solidFill>
                <a:srgbClr val="E4002D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</a:endParaRPr>
          </a:p>
        </p:txBody>
      </p:sp>
      <p:sp>
        <p:nvSpPr>
          <p:cNvPr id="26891" name="Textfeld 26890">
            <a:extLst>
              <a:ext uri="{FF2B5EF4-FFF2-40B4-BE49-F238E27FC236}">
                <a16:creationId xmlns:a16="http://schemas.microsoft.com/office/drawing/2014/main" id="{EEF8B963-913B-C1BC-01CA-A8CFABD132E1}"/>
              </a:ext>
            </a:extLst>
          </p:cNvPr>
          <p:cNvSpPr txBox="1"/>
          <p:nvPr/>
        </p:nvSpPr>
        <p:spPr>
          <a:xfrm>
            <a:off x="7406166" y="3651871"/>
            <a:ext cx="1547980" cy="430887"/>
          </a:xfrm>
          <a:prstGeom prst="rect">
            <a:avLst/>
          </a:prstGeom>
          <a:noFill/>
          <a:ln>
            <a:noFill/>
          </a:ln>
        </p:spPr>
        <p:txBody>
          <a:bodyPr wrap="square" lIns="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800" b="1" i="0" u="none" strike="noStrike" kern="1200" cap="none" spc="0" normalizeH="0" baseline="0" noProof="0" dirty="0">
                <a:ln>
                  <a:noFill/>
                </a:ln>
                <a:solidFill>
                  <a:srgbClr val="8BA0A8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+ </a:t>
            </a:r>
            <a:r>
              <a:rPr kumimoji="0" lang="de-DE" sz="2800" b="1" i="0" u="none" strike="noStrike" kern="1200" cap="none" spc="0" normalizeH="0" baseline="0" noProof="0" dirty="0" smtClean="0">
                <a:ln>
                  <a:noFill/>
                </a:ln>
                <a:solidFill>
                  <a:srgbClr val="8BA0A8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0,7%</a:t>
            </a:r>
            <a:endParaRPr kumimoji="0" lang="de-DE" sz="2800" b="1" i="0" u="none" strike="noStrike" kern="1200" cap="none" spc="0" normalizeH="0" baseline="0" noProof="0" dirty="0">
              <a:ln>
                <a:noFill/>
              </a:ln>
              <a:solidFill>
                <a:srgbClr val="8BA0A8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</a:endParaRPr>
          </a:p>
        </p:txBody>
      </p:sp>
      <p:grpSp>
        <p:nvGrpSpPr>
          <p:cNvPr id="26893" name="Grafik 27127">
            <a:extLst>
              <a:ext uri="{FF2B5EF4-FFF2-40B4-BE49-F238E27FC236}">
                <a16:creationId xmlns:a16="http://schemas.microsoft.com/office/drawing/2014/main" id="{99C2124F-112A-F230-7641-D6C1D9459C72}"/>
              </a:ext>
            </a:extLst>
          </p:cNvPr>
          <p:cNvGrpSpPr/>
          <p:nvPr/>
        </p:nvGrpSpPr>
        <p:grpSpPr>
          <a:xfrm rot="18900000">
            <a:off x="7762237" y="3233590"/>
            <a:ext cx="417918" cy="423236"/>
            <a:chOff x="8093849" y="738511"/>
            <a:chExt cx="417918" cy="423236"/>
          </a:xfrm>
          <a:noFill/>
        </p:grpSpPr>
        <p:sp>
          <p:nvSpPr>
            <p:cNvPr id="26895" name="Freihandform 26894">
              <a:extLst>
                <a:ext uri="{FF2B5EF4-FFF2-40B4-BE49-F238E27FC236}">
                  <a16:creationId xmlns:a16="http://schemas.microsoft.com/office/drawing/2014/main" id="{E04BAF8A-290D-72A0-9395-457EE71EA49C}"/>
                </a:ext>
              </a:extLst>
            </p:cNvPr>
            <p:cNvSpPr/>
            <p:nvPr/>
          </p:nvSpPr>
          <p:spPr>
            <a:xfrm>
              <a:off x="8331219" y="738511"/>
              <a:ext cx="180547" cy="423236"/>
            </a:xfrm>
            <a:custGeom>
              <a:avLst/>
              <a:gdLst>
                <a:gd name="connsiteX0" fmla="*/ 0 w 180547"/>
                <a:gd name="connsiteY0" fmla="*/ 0 h 423236"/>
                <a:gd name="connsiteX1" fmla="*/ 180547 w 180547"/>
                <a:gd name="connsiteY1" fmla="*/ 211618 h 423236"/>
                <a:gd name="connsiteX2" fmla="*/ 0 w 180547"/>
                <a:gd name="connsiteY2" fmla="*/ 423237 h 42323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80547" h="423236">
                  <a:moveTo>
                    <a:pt x="0" y="0"/>
                  </a:moveTo>
                  <a:lnTo>
                    <a:pt x="180547" y="211618"/>
                  </a:lnTo>
                  <a:lnTo>
                    <a:pt x="0" y="423237"/>
                  </a:lnTo>
                </a:path>
              </a:pathLst>
            </a:custGeom>
            <a:noFill/>
            <a:ln w="31724" cap="rnd">
              <a:solidFill>
                <a:srgbClr val="8BA0A8"/>
              </a:solidFill>
              <a:prstDash val="solid"/>
              <a:miter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26896" name="Freihandform 26895">
              <a:extLst>
                <a:ext uri="{FF2B5EF4-FFF2-40B4-BE49-F238E27FC236}">
                  <a16:creationId xmlns:a16="http://schemas.microsoft.com/office/drawing/2014/main" id="{4D436DC0-944A-3782-10D3-4BF34CF0193C}"/>
                </a:ext>
              </a:extLst>
            </p:cNvPr>
            <p:cNvSpPr/>
            <p:nvPr/>
          </p:nvSpPr>
          <p:spPr>
            <a:xfrm>
              <a:off x="8093849" y="950129"/>
              <a:ext cx="417918" cy="9330"/>
            </a:xfrm>
            <a:custGeom>
              <a:avLst/>
              <a:gdLst>
                <a:gd name="connsiteX0" fmla="*/ 417918 w 417918"/>
                <a:gd name="connsiteY0" fmla="*/ 0 h 9330"/>
                <a:gd name="connsiteX1" fmla="*/ 0 w 417918"/>
                <a:gd name="connsiteY1" fmla="*/ 0 h 933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l="l" t="t" r="r" b="b"/>
              <a:pathLst>
                <a:path w="417918" h="9330">
                  <a:moveTo>
                    <a:pt x="417918" y="0"/>
                  </a:moveTo>
                  <a:lnTo>
                    <a:pt x="0" y="0"/>
                  </a:lnTo>
                </a:path>
              </a:pathLst>
            </a:custGeom>
            <a:ln w="31724" cap="rnd">
              <a:solidFill>
                <a:srgbClr val="8BA0A8"/>
              </a:solidFill>
              <a:prstDash val="solid"/>
              <a:miter/>
            </a:ln>
          </p:spPr>
          <p:txBody>
            <a:bodyPr rtlCol="0" anchor="ctr"/>
            <a:lstStyle/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800" b="1" i="0" u="none" strike="noStrike" kern="1200" cap="none" spc="0" normalizeH="0" baseline="0" noProof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MS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</p:grpSp>
      <p:sp>
        <p:nvSpPr>
          <p:cNvPr id="2" name="Textfeld 1"/>
          <p:cNvSpPr txBox="1"/>
          <p:nvPr/>
        </p:nvSpPr>
        <p:spPr>
          <a:xfrm>
            <a:off x="351298" y="1177314"/>
            <a:ext cx="2276486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050" b="0" i="0" u="none" strike="noStrike" kern="1200" cap="none" spc="0" normalizeH="0" baseline="0" noProof="0" dirty="0" smtClean="0">
                <a:ln>
                  <a:noFill/>
                </a:ln>
                <a:solidFill>
                  <a:srgbClr val="FFFFFF">
                    <a:lumMod val="65000"/>
                  </a:srgbClr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*Schätzung | Veränderung </a:t>
            </a:r>
            <a:r>
              <a:rPr kumimoji="0" lang="de-DE" sz="1050" b="0" i="0" u="none" strike="noStrike" kern="1200" cap="none" spc="0" normalizeH="0" baseline="0" noProof="0" dirty="0">
                <a:ln>
                  <a:noFill/>
                </a:ln>
                <a:solidFill>
                  <a:srgbClr val="FFFFFF">
                    <a:lumMod val="65000"/>
                  </a:srgbClr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zum </a:t>
            </a:r>
            <a:r>
              <a:rPr kumimoji="0" lang="de-DE" sz="1050" b="0" i="0" u="none" strike="noStrike" kern="1200" cap="none" spc="0" normalizeH="0" baseline="0" noProof="0" dirty="0" smtClean="0">
                <a:ln>
                  <a:noFill/>
                </a:ln>
                <a:solidFill>
                  <a:srgbClr val="FFFFFF">
                    <a:lumMod val="65000"/>
                  </a:srgbClr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Vorjahresmonat</a:t>
            </a:r>
            <a:endParaRPr kumimoji="0" lang="de-DE" sz="1050" b="0" i="0" u="none" strike="noStrike" kern="1200" cap="none" spc="0" normalizeH="0" baseline="0" noProof="0" dirty="0">
              <a:ln>
                <a:noFill/>
              </a:ln>
              <a:solidFill>
                <a:srgbClr val="FFFFFF">
                  <a:lumMod val="65000"/>
                </a:srgbClr>
              </a:solidFill>
              <a:effectLst/>
              <a:uLnTx/>
              <a:uFillTx/>
              <a:latin typeface="Arial"/>
              <a:ea typeface="+mn-ea"/>
              <a:cs typeface="Arial" panose="020B0604020202020204" pitchFamily="34" charset="0"/>
            </a:endParaRPr>
          </a:p>
        </p:txBody>
      </p:sp>
      <p:sp>
        <p:nvSpPr>
          <p:cNvPr id="77" name="Textfeld 76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4504822" y="2617519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WE</a:t>
            </a:r>
          </a:p>
        </p:txBody>
      </p:sp>
      <p:sp>
        <p:nvSpPr>
          <p:cNvPr id="78" name="Textfeld 77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5304630" y="2283718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 smtClean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LL</a:t>
            </a:r>
            <a:endParaRPr kumimoji="0" lang="de-DE" sz="1200" b="1" i="0" u="none" strike="noStrike" kern="1200" cap="none" spc="0" normalizeH="0" baseline="0" noProof="0" dirty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</a:endParaRPr>
          </a:p>
        </p:txBody>
      </p:sp>
      <p:sp>
        <p:nvSpPr>
          <p:cNvPr id="79" name="Textfeld 78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2167667" y="2591374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BR</a:t>
            </a:r>
          </a:p>
        </p:txBody>
      </p:sp>
      <p:sp>
        <p:nvSpPr>
          <p:cNvPr id="80" name="Textfeld 79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4445539" y="1840852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EF</a:t>
            </a:r>
          </a:p>
        </p:txBody>
      </p:sp>
      <p:sp>
        <p:nvSpPr>
          <p:cNvPr id="81" name="Textfeld 80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4134407" y="3766390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GM</a:t>
            </a:r>
          </a:p>
        </p:txBody>
      </p:sp>
      <p:sp>
        <p:nvSpPr>
          <p:cNvPr id="82" name="Textfeld 81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3811162" y="2274409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GR</a:t>
            </a:r>
          </a:p>
        </p:txBody>
      </p:sp>
      <p:sp>
        <p:nvSpPr>
          <p:cNvPr id="83" name="Textfeld 82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5061254" y="3774980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KI</a:t>
            </a:r>
          </a:p>
        </p:txBody>
      </p:sp>
      <p:sp>
        <p:nvSpPr>
          <p:cNvPr id="84" name="Textfeld 83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5241382" y="1397197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 smtClean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L</a:t>
            </a:r>
            <a:endParaRPr kumimoji="0" lang="de-DE" sz="1200" b="1" i="0" u="none" strike="noStrike" kern="1200" cap="none" spc="0" normalizeH="0" baseline="0" noProof="0" dirty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</a:endParaRPr>
          </a:p>
        </p:txBody>
      </p:sp>
      <p:sp>
        <p:nvSpPr>
          <p:cNvPr id="85" name="Textfeld 84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6529539" y="2106988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PE</a:t>
            </a:r>
          </a:p>
        </p:txBody>
      </p:sp>
      <p:sp>
        <p:nvSpPr>
          <p:cNvPr id="86" name="Textfeld 85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3031723" y="2267671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RI</a:t>
            </a:r>
          </a:p>
        </p:txBody>
      </p:sp>
      <p:sp>
        <p:nvSpPr>
          <p:cNvPr id="87" name="Textfeld 86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6161507" y="1282231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FR</a:t>
            </a:r>
          </a:p>
        </p:txBody>
      </p:sp>
      <p:sp>
        <p:nvSpPr>
          <p:cNvPr id="88" name="Textfeld 87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3351099" y="1473205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SD</a:t>
            </a:r>
          </a:p>
        </p:txBody>
      </p:sp>
      <p:sp>
        <p:nvSpPr>
          <p:cNvPr id="89" name="Textfeld 88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4397007" y="951949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RO</a:t>
            </a:r>
          </a:p>
        </p:txBody>
      </p:sp>
      <p:sp>
        <p:nvSpPr>
          <p:cNvPr id="90" name="Textfeld 89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3309848" y="3346513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VB</a:t>
            </a:r>
          </a:p>
        </p:txBody>
      </p:sp>
      <p:sp>
        <p:nvSpPr>
          <p:cNvPr id="91" name="Textfeld 90">
            <a:extLst>
              <a:ext uri="{FF2B5EF4-FFF2-40B4-BE49-F238E27FC236}">
                <a16:creationId xmlns:a16="http://schemas.microsoft.com/office/drawing/2014/main" id="{32C31C54-1DB1-2043-2836-EB0EF1919E41}"/>
              </a:ext>
            </a:extLst>
          </p:cNvPr>
          <p:cNvSpPr txBox="1"/>
          <p:nvPr/>
        </p:nvSpPr>
        <p:spPr>
          <a:xfrm>
            <a:off x="5895372" y="3525902"/>
            <a:ext cx="576000" cy="184666"/>
          </a:xfrm>
          <a:prstGeom prst="rect">
            <a:avLst/>
          </a:prstGeom>
          <a:noFill/>
          <a:ln>
            <a:noFill/>
          </a:ln>
        </p:spPr>
        <p:txBody>
          <a:bodyPr wrap="square" lIns="7200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1200" cap="none" spc="0" normalizeH="0" baseline="0" noProof="0" dirty="0" smtClean="0">
                <a:ln>
                  <a:noFill/>
                </a:ln>
                <a:solidFill>
                  <a:srgbClr val="DE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SR</a:t>
            </a:r>
            <a:endParaRPr kumimoji="0" lang="de-DE" sz="1200" b="1" i="0" u="none" strike="noStrike" kern="1200" cap="none" spc="0" normalizeH="0" baseline="0" noProof="0" dirty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3096860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647700" y="360363"/>
            <a:ext cx="8496300" cy="1058862"/>
          </a:xfrm>
        </p:spPr>
        <p:txBody>
          <a:bodyPr/>
          <a:lstStyle/>
          <a:p>
            <a:pPr eaLnBrk="1" hangingPunct="1">
              <a:defRPr/>
            </a:pPr>
            <a:r>
              <a:rPr lang="de-AT" sz="2800" dirty="0">
                <a:latin typeface="+mn-lt"/>
              </a:rPr>
              <a:t>Langzeitbeschäftigungslosigkeit </a:t>
            </a:r>
            <a:r>
              <a:rPr lang="de-AT" sz="1800" b="0" dirty="0">
                <a:latin typeface="+mn-lt"/>
              </a:rPr>
              <a:t>(OÖ – </a:t>
            </a:r>
            <a:r>
              <a:rPr lang="de-AT" sz="1800" b="0" dirty="0" smtClean="0">
                <a:latin typeface="+mn-lt"/>
              </a:rPr>
              <a:t>2008-April 2024)</a:t>
            </a:r>
            <a:endParaRPr lang="de-DE" altLang="de-DE" sz="1800" b="0" dirty="0">
              <a:latin typeface="+mn-lt"/>
            </a:endParaRPr>
          </a:p>
        </p:txBody>
      </p:sp>
      <p:sp>
        <p:nvSpPr>
          <p:cNvPr id="3" name="Rechteck 2"/>
          <p:cNvSpPr/>
          <p:nvPr/>
        </p:nvSpPr>
        <p:spPr bwMode="auto">
          <a:xfrm>
            <a:off x="7668344" y="4227934"/>
            <a:ext cx="1152128" cy="720304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txBody>
          <a:bodyPr vert="horz" wrap="square" lIns="90488" tIns="44450" rIns="90488" bIns="44450" numCol="1" rtlCol="0" anchor="ctr" anchorCtr="0" compatLnSpc="1">
            <a:prstTxWarp prst="textNoShape">
              <a:avLst/>
            </a:prstTxWarp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itchFamily="34" charset="0"/>
              <a:ea typeface="+mn-ea"/>
              <a:cs typeface="Arial" panose="020B0604020202020204" pitchFamily="34" charset="0"/>
            </a:endParaRPr>
          </a:p>
        </p:txBody>
      </p:sp>
      <p:graphicFrame>
        <p:nvGraphicFramePr>
          <p:cNvPr id="5" name="Diagramm 4"/>
          <p:cNvGraphicFramePr>
            <a:graphicFrameLocks noGrp="1"/>
          </p:cNvGraphicFramePr>
          <p:nvPr>
            <p:extLst/>
          </p:nvPr>
        </p:nvGraphicFramePr>
        <p:xfrm>
          <a:off x="611559" y="1059582"/>
          <a:ext cx="7920881" cy="374441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2" name="Titel 1">
            <a:extLst>
              <a:ext uri="{FF2B5EF4-FFF2-40B4-BE49-F238E27FC236}">
                <a16:creationId xmlns:a16="http://schemas.microsoft.com/office/drawing/2014/main" id="{7142C611-9AF6-2516-02D1-325814270595}"/>
              </a:ext>
            </a:extLst>
          </p:cNvPr>
          <p:cNvSpPr txBox="1">
            <a:spLocks/>
          </p:cNvSpPr>
          <p:nvPr/>
        </p:nvSpPr>
        <p:spPr>
          <a:xfrm>
            <a:off x="1691680" y="1284554"/>
            <a:ext cx="1359447" cy="495108"/>
          </a:xfrm>
          <a:prstGeom prst="rect">
            <a:avLst/>
          </a:prstGeom>
          <a:solidFill>
            <a:schemeClr val="bg1"/>
          </a:solidFill>
          <a:ln>
            <a:solidFill>
              <a:srgbClr val="5A5A5A"/>
            </a:solidFill>
          </a:ln>
        </p:spPr>
        <p:txBody>
          <a:bodyPr wrap="none" lIns="108000" tIns="108000" rIns="108000" bIns="108000" anchor="t" anchorCtr="0">
            <a:sp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AT" sz="1800" b="0" i="0" u="none" strike="noStrike" kern="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Arbeitslose</a:t>
            </a:r>
          </a:p>
        </p:txBody>
      </p:sp>
      <p:cxnSp>
        <p:nvCxnSpPr>
          <p:cNvPr id="4" name="Gerade Verbindung 3">
            <a:extLst>
              <a:ext uri="{FF2B5EF4-FFF2-40B4-BE49-F238E27FC236}">
                <a16:creationId xmlns:a16="http://schemas.microsoft.com/office/drawing/2014/main" id="{5C99CB2B-B438-95E4-02D2-B2303B408F2E}"/>
              </a:ext>
            </a:extLst>
          </p:cNvPr>
          <p:cNvCxnSpPr/>
          <p:nvPr/>
        </p:nvCxnSpPr>
        <p:spPr bwMode="auto">
          <a:xfrm>
            <a:off x="3059832" y="1779662"/>
            <a:ext cx="522257" cy="427773"/>
          </a:xfrm>
          <a:prstGeom prst="line">
            <a:avLst/>
          </a:prstGeom>
          <a:noFill/>
          <a:ln w="12700" cap="flat" cmpd="sng" algn="ctr">
            <a:solidFill>
              <a:srgbClr val="5A5A5A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7" name="Gerade Verbindung 6">
            <a:extLst>
              <a:ext uri="{FF2B5EF4-FFF2-40B4-BE49-F238E27FC236}">
                <a16:creationId xmlns:a16="http://schemas.microsoft.com/office/drawing/2014/main" id="{7B514AEC-88B3-332E-8844-023AC902EF01}"/>
              </a:ext>
            </a:extLst>
          </p:cNvPr>
          <p:cNvCxnSpPr/>
          <p:nvPr/>
        </p:nvCxnSpPr>
        <p:spPr bwMode="auto">
          <a:xfrm flipH="1">
            <a:off x="5004048" y="3283252"/>
            <a:ext cx="367182" cy="440626"/>
          </a:xfrm>
          <a:prstGeom prst="line">
            <a:avLst/>
          </a:prstGeom>
          <a:noFill/>
          <a:ln w="12700" cap="flat" cmpd="sng" algn="ctr">
            <a:solidFill>
              <a:srgbClr val="5A5A5A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6" name="Titel 1">
            <a:extLst>
              <a:ext uri="{FF2B5EF4-FFF2-40B4-BE49-F238E27FC236}">
                <a16:creationId xmlns:a16="http://schemas.microsoft.com/office/drawing/2014/main" id="{9536AAE3-FBFC-0124-907F-637709DFB87A}"/>
              </a:ext>
            </a:extLst>
          </p:cNvPr>
          <p:cNvSpPr txBox="1">
            <a:spLocks/>
          </p:cNvSpPr>
          <p:nvPr/>
        </p:nvSpPr>
        <p:spPr>
          <a:xfrm>
            <a:off x="4637601" y="2779503"/>
            <a:ext cx="3065043" cy="495108"/>
          </a:xfrm>
          <a:prstGeom prst="rect">
            <a:avLst/>
          </a:prstGeom>
          <a:solidFill>
            <a:schemeClr val="bg1"/>
          </a:solidFill>
          <a:ln>
            <a:solidFill>
              <a:srgbClr val="5A5A5A"/>
            </a:solidFill>
          </a:ln>
        </p:spPr>
        <p:txBody>
          <a:bodyPr wrap="none" lIns="108000" tIns="108000" rIns="108000" bIns="108000" anchor="t" anchorCtr="0">
            <a:sp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000" b="1">
                <a:solidFill>
                  <a:srgbClr val="004F9F"/>
                </a:solidFill>
                <a:latin typeface="Arial" panose="020B0604020202020204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itchFamily="34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AT" sz="1800" b="0" i="0" u="none" strike="noStrike" kern="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Langzeitbeschäftigungslose</a:t>
            </a:r>
            <a:endParaRPr kumimoji="0" lang="de-AT" sz="1800" b="0" i="0" u="none" strike="noStrike" kern="0" cap="none" spc="0" normalizeH="0" baseline="0" noProof="0" dirty="0">
              <a:ln>
                <a:noFill/>
              </a:ln>
              <a:solidFill>
                <a:srgbClr val="5A5A5A"/>
              </a:solidFill>
              <a:effectLst/>
              <a:uLnTx/>
              <a:uFillTx/>
              <a:latin typeface="Arial" panose="020B0604020202020204" pitchFamily="34" charset="0"/>
              <a:ea typeface="+mj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644757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" name="Grafik 10">
            <a:extLst>
              <a:ext uri="{FF2B5EF4-FFF2-40B4-BE49-F238E27FC236}">
                <a16:creationId xmlns:a16="http://schemas.microsoft.com/office/drawing/2014/main" id="{6E6F50A9-83B5-21C6-F738-688E7B98D085}"/>
              </a:ext>
            </a:extLst>
          </p:cNvPr>
          <p:cNvSpPr>
            <a:spLocks noChangeAspect="1"/>
          </p:cNvSpPr>
          <p:nvPr/>
        </p:nvSpPr>
        <p:spPr>
          <a:xfrm>
            <a:off x="2699792" y="3625652"/>
            <a:ext cx="197205" cy="540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chemeClr val="bg1"/>
          </a:solidFill>
          <a:ln w="32385" cap="rnd">
            <a:solidFill>
              <a:srgbClr val="DDE0E6"/>
            </a:solidFill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4" name="Textfeld 3">
            <a:extLst>
              <a:ext uri="{FF2B5EF4-FFF2-40B4-BE49-F238E27FC236}">
                <a16:creationId xmlns:a16="http://schemas.microsoft.com/office/drawing/2014/main" id="{7F284751-B117-D2C6-1C90-BD37F1DD7EFD}"/>
              </a:ext>
            </a:extLst>
          </p:cNvPr>
          <p:cNvSpPr txBox="1"/>
          <p:nvPr/>
        </p:nvSpPr>
        <p:spPr>
          <a:xfrm>
            <a:off x="611560" y="267494"/>
            <a:ext cx="2848163" cy="707886"/>
          </a:xfrm>
          <a:prstGeom prst="rect">
            <a:avLst/>
          </a:prstGeom>
          <a:noFill/>
          <a:ln>
            <a:noFill/>
          </a:ln>
        </p:spPr>
        <p:txBody>
          <a:bodyPr wrap="square" lIns="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800" b="1" i="0" u="none" strike="noStrike" kern="1200" cap="none" spc="0" normalizeH="0" baseline="0" noProof="0" dirty="0">
                <a:ln>
                  <a:noFill/>
                </a:ln>
                <a:solidFill>
                  <a:srgbClr val="004F9F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Bildung wirkt!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8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OÖ - </a:t>
            </a:r>
            <a:r>
              <a:rPr kumimoji="0" lang="de-DE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2023</a:t>
            </a:r>
            <a:endParaRPr kumimoji="0" lang="de-DE" sz="1800" b="0" i="0" u="none" strike="noStrike" kern="1200" cap="none" spc="0" normalizeH="0" baseline="0" noProof="0" dirty="0">
              <a:ln>
                <a:noFill/>
              </a:ln>
              <a:solidFill>
                <a:srgbClr val="5A5A5A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</a:endParaRPr>
          </a:p>
        </p:txBody>
      </p:sp>
      <p:sp>
        <p:nvSpPr>
          <p:cNvPr id="2" name="Grafik 10">
            <a:extLst>
              <a:ext uri="{FF2B5EF4-FFF2-40B4-BE49-F238E27FC236}">
                <a16:creationId xmlns:a16="http://schemas.microsoft.com/office/drawing/2014/main" id="{F6B4BAAE-C09F-91E0-EE12-38845FEC027A}"/>
              </a:ext>
            </a:extLst>
          </p:cNvPr>
          <p:cNvSpPr>
            <a:spLocks noChangeAspect="1"/>
          </p:cNvSpPr>
          <p:nvPr/>
        </p:nvSpPr>
        <p:spPr>
          <a:xfrm>
            <a:off x="3160396" y="3593937"/>
            <a:ext cx="210352" cy="576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chemeClr val="bg1"/>
          </a:solidFill>
          <a:ln w="32385" cap="rnd">
            <a:solidFill>
              <a:srgbClr val="DDE0E6"/>
            </a:solidFill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10" name="Grafik 10">
            <a:extLst>
              <a:ext uri="{FF2B5EF4-FFF2-40B4-BE49-F238E27FC236}">
                <a16:creationId xmlns:a16="http://schemas.microsoft.com/office/drawing/2014/main" id="{9D46825C-4A7F-1E06-1778-43438B60137F}"/>
              </a:ext>
            </a:extLst>
          </p:cNvPr>
          <p:cNvSpPr>
            <a:spLocks noChangeAspect="1"/>
          </p:cNvSpPr>
          <p:nvPr/>
        </p:nvSpPr>
        <p:spPr>
          <a:xfrm>
            <a:off x="3600037" y="3521937"/>
            <a:ext cx="236646" cy="648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chemeClr val="bg1"/>
          </a:solidFill>
          <a:ln w="32385" cap="rnd">
            <a:solidFill>
              <a:srgbClr val="DDE0E6"/>
            </a:solidFill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12" name="Grafik 10">
            <a:extLst>
              <a:ext uri="{FF2B5EF4-FFF2-40B4-BE49-F238E27FC236}">
                <a16:creationId xmlns:a16="http://schemas.microsoft.com/office/drawing/2014/main" id="{8DDBF2C2-248F-FCC9-D2DD-58F85BA206F5}"/>
              </a:ext>
            </a:extLst>
          </p:cNvPr>
          <p:cNvSpPr>
            <a:spLocks noChangeAspect="1"/>
          </p:cNvSpPr>
          <p:nvPr/>
        </p:nvSpPr>
        <p:spPr>
          <a:xfrm>
            <a:off x="4078858" y="3269937"/>
            <a:ext cx="328675" cy="900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chemeClr val="bg1"/>
          </a:solidFill>
          <a:ln w="32385" cap="rnd">
            <a:solidFill>
              <a:srgbClr val="DDE0E6"/>
            </a:solidFill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20" name="Grafik 10">
            <a:extLst>
              <a:ext uri="{FF2B5EF4-FFF2-40B4-BE49-F238E27FC236}">
                <a16:creationId xmlns:a16="http://schemas.microsoft.com/office/drawing/2014/main" id="{F9D0DCE1-5F15-F4F6-CEAE-F2A6ACB07893}"/>
              </a:ext>
            </a:extLst>
          </p:cNvPr>
          <p:cNvSpPr>
            <a:spLocks noChangeAspect="1"/>
          </p:cNvSpPr>
          <p:nvPr/>
        </p:nvSpPr>
        <p:spPr>
          <a:xfrm>
            <a:off x="4622785" y="3125937"/>
            <a:ext cx="381263" cy="1044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chemeClr val="bg1"/>
          </a:solidFill>
          <a:ln w="32385" cap="rnd">
            <a:solidFill>
              <a:srgbClr val="DDE0E6"/>
            </a:solidFill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21" name="Grafik 10">
            <a:extLst>
              <a:ext uri="{FF2B5EF4-FFF2-40B4-BE49-F238E27FC236}">
                <a16:creationId xmlns:a16="http://schemas.microsoft.com/office/drawing/2014/main" id="{2F5E9D43-26AF-F1BB-EFBF-91A70B56598F}"/>
              </a:ext>
            </a:extLst>
          </p:cNvPr>
          <p:cNvSpPr>
            <a:spLocks noChangeAspect="1"/>
          </p:cNvSpPr>
          <p:nvPr/>
        </p:nvSpPr>
        <p:spPr>
          <a:xfrm>
            <a:off x="4851605" y="-10348"/>
            <a:ext cx="1525052" cy="4176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rgbClr val="3EA3DC"/>
          </a:solidFill>
          <a:ln w="32385" cap="rnd">
            <a:noFill/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23" name="Textfeld 22">
            <a:extLst>
              <a:ext uri="{FF2B5EF4-FFF2-40B4-BE49-F238E27FC236}">
                <a16:creationId xmlns:a16="http://schemas.microsoft.com/office/drawing/2014/main" id="{11EBE795-6844-851A-3212-8041ED7340A0}"/>
              </a:ext>
            </a:extLst>
          </p:cNvPr>
          <p:cNvSpPr txBox="1"/>
          <p:nvPr/>
        </p:nvSpPr>
        <p:spPr>
          <a:xfrm>
            <a:off x="6556930" y="496424"/>
            <a:ext cx="2411936" cy="1200329"/>
          </a:xfrm>
          <a:prstGeom prst="rect">
            <a:avLst/>
          </a:prstGeom>
          <a:noFill/>
          <a:ln w="50800">
            <a:solidFill>
              <a:srgbClr val="5A5A5A"/>
            </a:solidFill>
          </a:ln>
        </p:spPr>
        <p:txBody>
          <a:bodyPr wrap="square" rtlCol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7200" b="1" i="0" u="none" strike="noStrike" kern="1200" cap="none" spc="-60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12,4</a:t>
            </a:r>
            <a:r>
              <a:rPr kumimoji="0" lang="de-DE" sz="7200" b="0" i="0" u="none" strike="noStrike" kern="1200" cap="none" spc="-60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%</a:t>
            </a:r>
            <a:endParaRPr kumimoji="0" lang="de-DE" sz="7200" b="0" i="0" u="none" strike="noStrike" kern="1200" cap="none" spc="-600" normalizeH="0" baseline="0" noProof="0" dirty="0">
              <a:ln>
                <a:noFill/>
              </a:ln>
              <a:solidFill>
                <a:srgbClr val="5A5A5A"/>
              </a:solidFill>
              <a:effectLst/>
              <a:uLnTx/>
              <a:uFillTx/>
              <a:latin typeface="Arial"/>
              <a:ea typeface="+mn-ea"/>
              <a:cs typeface="Arial" panose="020B0604020202020204" pitchFamily="34" charset="0"/>
            </a:endParaRPr>
          </a:p>
        </p:txBody>
      </p:sp>
      <p:cxnSp>
        <p:nvCxnSpPr>
          <p:cNvPr id="3" name="Gerade Verbindung 2">
            <a:extLst>
              <a:ext uri="{FF2B5EF4-FFF2-40B4-BE49-F238E27FC236}">
                <a16:creationId xmlns:a16="http://schemas.microsoft.com/office/drawing/2014/main" id="{D8A42538-A195-D625-FDE5-9A05ABB8A7DE}"/>
              </a:ext>
            </a:extLst>
          </p:cNvPr>
          <p:cNvCxnSpPr/>
          <p:nvPr/>
        </p:nvCxnSpPr>
        <p:spPr bwMode="auto">
          <a:xfrm flipV="1">
            <a:off x="611560" y="4168618"/>
            <a:ext cx="7920000" cy="0"/>
          </a:xfrm>
          <a:prstGeom prst="lin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22" name="Textfeld 21">
            <a:extLst>
              <a:ext uri="{FF2B5EF4-FFF2-40B4-BE49-F238E27FC236}">
                <a16:creationId xmlns:a16="http://schemas.microsoft.com/office/drawing/2014/main" id="{277B5F00-03AC-1C45-6C97-463A7AD68974}"/>
              </a:ext>
            </a:extLst>
          </p:cNvPr>
          <p:cNvSpPr txBox="1"/>
          <p:nvPr/>
        </p:nvSpPr>
        <p:spPr>
          <a:xfrm>
            <a:off x="6605477" y="1844792"/>
            <a:ext cx="2587071" cy="9130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ts val="32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32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Pflichtschul- </a:t>
            </a:r>
            <a:r>
              <a:rPr kumimoji="0" lang="de-DE" sz="3200" b="0" i="0" u="none" strike="noStrike" kern="1200" cap="none" spc="0" normalizeH="0" baseline="0" noProof="0" dirty="0" err="1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abschluss</a:t>
            </a:r>
            <a:endParaRPr kumimoji="0" lang="de-DE" sz="3200" b="0" i="0" u="none" strike="noStrike" kern="1200" cap="none" spc="0" normalizeH="0" baseline="0" noProof="0" dirty="0">
              <a:ln>
                <a:noFill/>
              </a:ln>
              <a:solidFill>
                <a:srgbClr val="5A5A5A"/>
              </a:solidFill>
              <a:effectLst/>
              <a:uLnTx/>
              <a:uFillTx/>
              <a:latin typeface="Arial"/>
              <a:ea typeface="+mn-ea"/>
              <a:cs typeface="Arial" panose="020B0604020202020204" pitchFamily="34" charset="0"/>
            </a:endParaRPr>
          </a:p>
        </p:txBody>
      </p:sp>
      <p:cxnSp>
        <p:nvCxnSpPr>
          <p:cNvPr id="7" name="Gerade Verbindung 6">
            <a:extLst>
              <a:ext uri="{FF2B5EF4-FFF2-40B4-BE49-F238E27FC236}">
                <a16:creationId xmlns:a16="http://schemas.microsoft.com/office/drawing/2014/main" id="{EC197C5F-C9E0-1CDB-74D9-87EF427795A5}"/>
              </a:ext>
            </a:extLst>
          </p:cNvPr>
          <p:cNvCxnSpPr/>
          <p:nvPr/>
        </p:nvCxnSpPr>
        <p:spPr bwMode="auto">
          <a:xfrm flipH="1">
            <a:off x="6100016" y="1694119"/>
            <a:ext cx="456913" cy="561398"/>
          </a:xfrm>
          <a:prstGeom prst="line">
            <a:avLst/>
          </a:prstGeom>
          <a:noFill/>
          <a:ln w="12700" cap="flat" cmpd="sng" algn="ctr">
            <a:solidFill>
              <a:srgbClr val="5A5A5A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14" name="Textfeld 13">
            <a:extLst>
              <a:ext uri="{FF2B5EF4-FFF2-40B4-BE49-F238E27FC236}">
                <a16:creationId xmlns:a16="http://schemas.microsoft.com/office/drawing/2014/main" id="{DB7B373E-F847-17C8-1BCA-D2A80E076514}"/>
              </a:ext>
            </a:extLst>
          </p:cNvPr>
          <p:cNvSpPr txBox="1"/>
          <p:nvPr/>
        </p:nvSpPr>
        <p:spPr>
          <a:xfrm>
            <a:off x="611560" y="4397916"/>
            <a:ext cx="5105724" cy="215444"/>
          </a:xfrm>
          <a:prstGeom prst="rect">
            <a:avLst/>
          </a:prstGeom>
          <a:noFill/>
          <a:ln>
            <a:noFill/>
          </a:ln>
        </p:spPr>
        <p:txBody>
          <a:bodyPr wrap="square" lIns="0" tIns="0" rIns="0" bIns="0" rtlCol="0" anchor="t" anchorCtr="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4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+mn-cs"/>
              </a:rPr>
              <a:t>Arbeitslosenquoten nach höchstem Ausbildungsniveau</a:t>
            </a:r>
          </a:p>
        </p:txBody>
      </p:sp>
      <p:sp>
        <p:nvSpPr>
          <p:cNvPr id="19" name="Textfeld 18" hidden="1">
            <a:extLst>
              <a:ext uri="{FF2B5EF4-FFF2-40B4-BE49-F238E27FC236}">
                <a16:creationId xmlns:a16="http://schemas.microsoft.com/office/drawing/2014/main" id="{F78A24CA-D421-A8A4-C3D5-8541BFCBF957}"/>
              </a:ext>
            </a:extLst>
          </p:cNvPr>
          <p:cNvSpPr txBox="1"/>
          <p:nvPr/>
        </p:nvSpPr>
        <p:spPr>
          <a:xfrm>
            <a:off x="18819" y="2858702"/>
            <a:ext cx="2616202" cy="587441"/>
          </a:xfrm>
          <a:prstGeom prst="rect">
            <a:avLst/>
          </a:prstGeom>
          <a:noFill/>
          <a:ln>
            <a:solidFill>
              <a:srgbClr val="5A5A5A"/>
            </a:solidFill>
          </a:ln>
        </p:spPr>
        <p:txBody>
          <a:bodyPr wrap="none" lIns="108000" tIns="108000" rIns="108000" bIns="108000" rtlCol="0" anchor="ctr" anchorCtr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400" b="1" i="0" u="none" strike="noStrike" kern="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1,5</a:t>
            </a:r>
            <a:r>
              <a:rPr kumimoji="0" lang="de-DE" sz="24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% Hochschule</a:t>
            </a:r>
          </a:p>
        </p:txBody>
      </p:sp>
      <p:cxnSp>
        <p:nvCxnSpPr>
          <p:cNvPr id="24" name="Gerade Verbindung 7">
            <a:extLst>
              <a:ext uri="{FF2B5EF4-FFF2-40B4-BE49-F238E27FC236}">
                <a16:creationId xmlns:a16="http://schemas.microsoft.com/office/drawing/2014/main" id="{47DC9118-D7EA-3663-4274-B399C4DAB55A}"/>
              </a:ext>
            </a:extLst>
          </p:cNvPr>
          <p:cNvCxnSpPr>
            <a:stCxn id="40" idx="3"/>
          </p:cNvCxnSpPr>
          <p:nvPr/>
        </p:nvCxnSpPr>
        <p:spPr bwMode="auto">
          <a:xfrm>
            <a:off x="2381699" y="3354202"/>
            <a:ext cx="336912" cy="179461"/>
          </a:xfrm>
          <a:prstGeom prst="line">
            <a:avLst/>
          </a:prstGeom>
          <a:noFill/>
          <a:ln w="12700" cap="flat" cmpd="sng" algn="ctr">
            <a:solidFill>
              <a:srgbClr val="5A5A5A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25" name="Grafik 10">
            <a:extLst>
              <a:ext uri="{FF2B5EF4-FFF2-40B4-BE49-F238E27FC236}">
                <a16:creationId xmlns:a16="http://schemas.microsoft.com/office/drawing/2014/main" id="{AA1243CF-AED9-7BAC-E428-2A798BA7F148}"/>
              </a:ext>
            </a:extLst>
          </p:cNvPr>
          <p:cNvSpPr>
            <a:spLocks noChangeAspect="1"/>
          </p:cNvSpPr>
          <p:nvPr/>
        </p:nvSpPr>
        <p:spPr>
          <a:xfrm>
            <a:off x="2694185" y="3624317"/>
            <a:ext cx="197205" cy="540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rgbClr val="3EA3DC"/>
          </a:solidFill>
          <a:ln w="32385" cap="rnd">
            <a:noFill/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26" name="Textfeld 25">
            <a:extLst>
              <a:ext uri="{FF2B5EF4-FFF2-40B4-BE49-F238E27FC236}">
                <a16:creationId xmlns:a16="http://schemas.microsoft.com/office/drawing/2014/main" id="{001AEA36-01F2-FD24-F42E-30E535895175}"/>
              </a:ext>
            </a:extLst>
          </p:cNvPr>
          <p:cNvSpPr txBox="1"/>
          <p:nvPr/>
        </p:nvSpPr>
        <p:spPr>
          <a:xfrm>
            <a:off x="940409" y="2499624"/>
            <a:ext cx="1428377" cy="525886"/>
          </a:xfrm>
          <a:prstGeom prst="rect">
            <a:avLst/>
          </a:prstGeom>
          <a:noFill/>
          <a:ln>
            <a:solidFill>
              <a:srgbClr val="5A5A5A"/>
            </a:solidFill>
          </a:ln>
        </p:spPr>
        <p:txBody>
          <a:bodyPr wrap="none" lIns="108000" tIns="108000" rIns="108000" bIns="108000" rtlCol="0" anchor="ctr" anchorCtr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000" b="1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1,7</a:t>
            </a:r>
            <a:r>
              <a:rPr kumimoji="0" lang="de-DE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% </a:t>
            </a:r>
            <a:r>
              <a:rPr kumimoji="0" lang="de-DE" sz="20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BMS</a:t>
            </a:r>
          </a:p>
        </p:txBody>
      </p:sp>
      <p:cxnSp>
        <p:nvCxnSpPr>
          <p:cNvPr id="28" name="Gerade Verbindung 6">
            <a:extLst>
              <a:ext uri="{FF2B5EF4-FFF2-40B4-BE49-F238E27FC236}">
                <a16:creationId xmlns:a16="http://schemas.microsoft.com/office/drawing/2014/main" id="{15311D36-B7CE-5447-BC05-9F60C932976C}"/>
              </a:ext>
            </a:extLst>
          </p:cNvPr>
          <p:cNvCxnSpPr>
            <a:stCxn id="26" idx="3"/>
          </p:cNvCxnSpPr>
          <p:nvPr/>
        </p:nvCxnSpPr>
        <p:spPr bwMode="auto">
          <a:xfrm>
            <a:off x="2368786" y="2762567"/>
            <a:ext cx="829008" cy="707848"/>
          </a:xfrm>
          <a:prstGeom prst="line">
            <a:avLst/>
          </a:prstGeom>
          <a:noFill/>
          <a:ln w="12700" cap="flat" cmpd="sng" algn="ctr">
            <a:solidFill>
              <a:srgbClr val="5A5A5A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29" name="Grafik 10">
            <a:extLst>
              <a:ext uri="{FF2B5EF4-FFF2-40B4-BE49-F238E27FC236}">
                <a16:creationId xmlns:a16="http://schemas.microsoft.com/office/drawing/2014/main" id="{F45A228F-89DF-6A98-C18C-89E70B296632}"/>
              </a:ext>
            </a:extLst>
          </p:cNvPr>
          <p:cNvSpPr>
            <a:spLocks noChangeAspect="1"/>
          </p:cNvSpPr>
          <p:nvPr/>
        </p:nvSpPr>
        <p:spPr>
          <a:xfrm>
            <a:off x="3143622" y="3588317"/>
            <a:ext cx="210352" cy="576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rgbClr val="3EA3DC"/>
          </a:solidFill>
          <a:ln w="32385" cap="rnd">
            <a:noFill/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30" name="Textfeld 29">
            <a:extLst>
              <a:ext uri="{FF2B5EF4-FFF2-40B4-BE49-F238E27FC236}">
                <a16:creationId xmlns:a16="http://schemas.microsoft.com/office/drawing/2014/main" id="{77CBD354-B2A5-9F69-1A6E-0B64BE9DACB4}"/>
              </a:ext>
            </a:extLst>
          </p:cNvPr>
          <p:cNvSpPr txBox="1"/>
          <p:nvPr/>
        </p:nvSpPr>
        <p:spPr>
          <a:xfrm>
            <a:off x="1708826" y="1901848"/>
            <a:ext cx="1401126" cy="525886"/>
          </a:xfrm>
          <a:prstGeom prst="rect">
            <a:avLst/>
          </a:prstGeom>
          <a:noFill/>
          <a:ln>
            <a:solidFill>
              <a:srgbClr val="5A5A5A"/>
            </a:solidFill>
          </a:ln>
        </p:spPr>
        <p:txBody>
          <a:bodyPr wrap="none" lIns="108000" tIns="108000" rIns="108000" bIns="108000" rtlCol="0" anchor="ctr" anchorCtr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000" b="1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1,8</a:t>
            </a:r>
            <a:r>
              <a:rPr kumimoji="0" lang="de-DE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% </a:t>
            </a:r>
            <a:r>
              <a:rPr kumimoji="0" lang="de-DE" sz="20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BHS</a:t>
            </a:r>
          </a:p>
        </p:txBody>
      </p:sp>
      <p:cxnSp>
        <p:nvCxnSpPr>
          <p:cNvPr id="31" name="Gerade Verbindung 27">
            <a:extLst>
              <a:ext uri="{FF2B5EF4-FFF2-40B4-BE49-F238E27FC236}">
                <a16:creationId xmlns:a16="http://schemas.microsoft.com/office/drawing/2014/main" id="{0539DCCD-FAB7-F56E-AD25-5DF63E030289}"/>
              </a:ext>
            </a:extLst>
          </p:cNvPr>
          <p:cNvCxnSpPr>
            <a:stCxn id="33" idx="3"/>
          </p:cNvCxnSpPr>
          <p:nvPr/>
        </p:nvCxnSpPr>
        <p:spPr bwMode="auto">
          <a:xfrm>
            <a:off x="3764771" y="1618649"/>
            <a:ext cx="429011" cy="1527417"/>
          </a:xfrm>
          <a:prstGeom prst="line">
            <a:avLst/>
          </a:prstGeom>
          <a:noFill/>
          <a:ln w="12700" cap="flat" cmpd="sng" algn="ctr">
            <a:solidFill>
              <a:srgbClr val="5A5A5A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32" name="Grafik 10">
            <a:extLst>
              <a:ext uri="{FF2B5EF4-FFF2-40B4-BE49-F238E27FC236}">
                <a16:creationId xmlns:a16="http://schemas.microsoft.com/office/drawing/2014/main" id="{D725C9EB-0569-0567-4EB0-FEC9E88FD44A}"/>
              </a:ext>
            </a:extLst>
          </p:cNvPr>
          <p:cNvSpPr>
            <a:spLocks noChangeAspect="1"/>
          </p:cNvSpPr>
          <p:nvPr/>
        </p:nvSpPr>
        <p:spPr>
          <a:xfrm>
            <a:off x="3587331" y="3507926"/>
            <a:ext cx="236646" cy="648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rgbClr val="3EA3DC"/>
          </a:solidFill>
          <a:ln w="32385" cap="rnd">
            <a:noFill/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33" name="Textfeld 32">
            <a:extLst>
              <a:ext uri="{FF2B5EF4-FFF2-40B4-BE49-F238E27FC236}">
                <a16:creationId xmlns:a16="http://schemas.microsoft.com/office/drawing/2014/main" id="{10929EB0-35A8-8AE3-FDA6-5311D11F8FA3}"/>
              </a:ext>
            </a:extLst>
          </p:cNvPr>
          <p:cNvSpPr txBox="1"/>
          <p:nvPr/>
        </p:nvSpPr>
        <p:spPr>
          <a:xfrm>
            <a:off x="2377816" y="1355706"/>
            <a:ext cx="1386955" cy="525886"/>
          </a:xfrm>
          <a:prstGeom prst="rect">
            <a:avLst/>
          </a:prstGeom>
          <a:noFill/>
          <a:ln>
            <a:solidFill>
              <a:srgbClr val="5A5A5A"/>
            </a:solidFill>
          </a:ln>
        </p:spPr>
        <p:txBody>
          <a:bodyPr wrap="none" lIns="108000" tIns="108000" rIns="108000" bIns="108000" rtlCol="0" anchor="ctr" anchorCtr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000" b="1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2,2</a:t>
            </a:r>
            <a:r>
              <a:rPr kumimoji="0" lang="de-DE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% </a:t>
            </a:r>
            <a:r>
              <a:rPr kumimoji="0" lang="de-DE" sz="20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AHS</a:t>
            </a:r>
          </a:p>
        </p:txBody>
      </p:sp>
      <p:cxnSp>
        <p:nvCxnSpPr>
          <p:cNvPr id="34" name="Gerade Verbindung 9">
            <a:extLst>
              <a:ext uri="{FF2B5EF4-FFF2-40B4-BE49-F238E27FC236}">
                <a16:creationId xmlns:a16="http://schemas.microsoft.com/office/drawing/2014/main" id="{A640DB84-F1E0-C00B-FBFB-F7A7D640862E}"/>
              </a:ext>
            </a:extLst>
          </p:cNvPr>
          <p:cNvCxnSpPr>
            <a:stCxn id="30" idx="3"/>
          </p:cNvCxnSpPr>
          <p:nvPr/>
        </p:nvCxnSpPr>
        <p:spPr bwMode="auto">
          <a:xfrm>
            <a:off x="3109952" y="2164791"/>
            <a:ext cx="514202" cy="1161624"/>
          </a:xfrm>
          <a:prstGeom prst="line">
            <a:avLst/>
          </a:prstGeom>
          <a:noFill/>
          <a:ln w="12700" cap="flat" cmpd="sng" algn="ctr">
            <a:solidFill>
              <a:srgbClr val="5A5A5A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35" name="Grafik 10">
            <a:extLst>
              <a:ext uri="{FF2B5EF4-FFF2-40B4-BE49-F238E27FC236}">
                <a16:creationId xmlns:a16="http://schemas.microsoft.com/office/drawing/2014/main" id="{7A7C218C-FFD3-4CAF-A934-0A324C14CADA}"/>
              </a:ext>
            </a:extLst>
          </p:cNvPr>
          <p:cNvSpPr>
            <a:spLocks noChangeAspect="1"/>
          </p:cNvSpPr>
          <p:nvPr/>
        </p:nvSpPr>
        <p:spPr>
          <a:xfrm>
            <a:off x="4065290" y="3252953"/>
            <a:ext cx="328675" cy="900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rgbClr val="3EA3DC"/>
          </a:solidFill>
          <a:ln w="32385" cap="rnd">
            <a:noFill/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36" name="Textfeld 35">
            <a:extLst>
              <a:ext uri="{FF2B5EF4-FFF2-40B4-BE49-F238E27FC236}">
                <a16:creationId xmlns:a16="http://schemas.microsoft.com/office/drawing/2014/main" id="{3EF6D640-751B-6850-65B1-DE3A5A24F992}"/>
              </a:ext>
            </a:extLst>
          </p:cNvPr>
          <p:cNvSpPr txBox="1"/>
          <p:nvPr/>
        </p:nvSpPr>
        <p:spPr>
          <a:xfrm>
            <a:off x="3059832" y="770506"/>
            <a:ext cx="1527763" cy="525886"/>
          </a:xfrm>
          <a:prstGeom prst="rect">
            <a:avLst/>
          </a:prstGeom>
          <a:noFill/>
          <a:ln>
            <a:solidFill>
              <a:srgbClr val="5A5A5A"/>
            </a:solidFill>
          </a:ln>
        </p:spPr>
        <p:txBody>
          <a:bodyPr wrap="none" lIns="108000" tIns="108000" rIns="108000" bIns="108000" rtlCol="0" anchor="ctr" anchorCtr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000" b="1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3,4</a:t>
            </a:r>
            <a:r>
              <a:rPr kumimoji="0" lang="de-DE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% </a:t>
            </a:r>
            <a:r>
              <a:rPr kumimoji="0" lang="de-DE" sz="20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Lehre</a:t>
            </a:r>
          </a:p>
        </p:txBody>
      </p:sp>
      <p:cxnSp>
        <p:nvCxnSpPr>
          <p:cNvPr id="37" name="Gerade Verbindung 9">
            <a:extLst>
              <a:ext uri="{FF2B5EF4-FFF2-40B4-BE49-F238E27FC236}">
                <a16:creationId xmlns:a16="http://schemas.microsoft.com/office/drawing/2014/main" id="{49735474-FE61-D0EF-8386-8C66AD02EA55}"/>
              </a:ext>
            </a:extLst>
          </p:cNvPr>
          <p:cNvCxnSpPr>
            <a:stCxn id="36" idx="3"/>
          </p:cNvCxnSpPr>
          <p:nvPr/>
        </p:nvCxnSpPr>
        <p:spPr bwMode="auto">
          <a:xfrm>
            <a:off x="4587595" y="1033449"/>
            <a:ext cx="200429" cy="1992061"/>
          </a:xfrm>
          <a:prstGeom prst="line">
            <a:avLst/>
          </a:prstGeom>
          <a:noFill/>
          <a:ln w="12700" cap="flat" cmpd="sng" algn="ctr">
            <a:solidFill>
              <a:srgbClr val="5A5A5A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38" name="Grafik 10">
            <a:extLst>
              <a:ext uri="{FF2B5EF4-FFF2-40B4-BE49-F238E27FC236}">
                <a16:creationId xmlns:a16="http://schemas.microsoft.com/office/drawing/2014/main" id="{F52455F7-CF80-6EB9-1375-12AA0D9A81BF}"/>
              </a:ext>
            </a:extLst>
          </p:cNvPr>
          <p:cNvSpPr>
            <a:spLocks noChangeAspect="1"/>
          </p:cNvSpPr>
          <p:nvPr/>
        </p:nvSpPr>
        <p:spPr>
          <a:xfrm>
            <a:off x="4622785" y="3112810"/>
            <a:ext cx="381263" cy="1044000"/>
          </a:xfrm>
          <a:custGeom>
            <a:avLst/>
            <a:gdLst>
              <a:gd name="connsiteX0" fmla="*/ 154115 w 154495"/>
              <a:gd name="connsiteY0" fmla="*/ 159087 h 423049"/>
              <a:gd name="connsiteX1" fmla="*/ 107537 w 154495"/>
              <a:gd name="connsiteY1" fmla="*/ 98811 h 423049"/>
              <a:gd name="connsiteX2" fmla="*/ 132112 w 154495"/>
              <a:gd name="connsiteY2" fmla="*/ 53931 h 423049"/>
              <a:gd name="connsiteX3" fmla="*/ 77057 w 154495"/>
              <a:gd name="connsiteY3" fmla="*/ 0 h 423049"/>
              <a:gd name="connsiteX4" fmla="*/ 22003 w 154495"/>
              <a:gd name="connsiteY4" fmla="*/ 53931 h 423049"/>
              <a:gd name="connsiteX5" fmla="*/ 46577 w 154495"/>
              <a:gd name="connsiteY5" fmla="*/ 98811 h 423049"/>
              <a:gd name="connsiteX6" fmla="*/ 0 w 154495"/>
              <a:gd name="connsiteY6" fmla="*/ 159087 h 423049"/>
              <a:gd name="connsiteX7" fmla="*/ 286 w 154495"/>
              <a:gd name="connsiteY7" fmla="*/ 245022 h 423049"/>
              <a:gd name="connsiteX8" fmla="*/ 33338 w 154495"/>
              <a:gd name="connsiteY8" fmla="*/ 277399 h 423049"/>
              <a:gd name="connsiteX9" fmla="*/ 33338 w 154495"/>
              <a:gd name="connsiteY9" fmla="*/ 390673 h 423049"/>
              <a:gd name="connsiteX10" fmla="*/ 66389 w 154495"/>
              <a:gd name="connsiteY10" fmla="*/ 423050 h 423049"/>
              <a:gd name="connsiteX11" fmla="*/ 88392 w 154495"/>
              <a:gd name="connsiteY11" fmla="*/ 423050 h 423049"/>
              <a:gd name="connsiteX12" fmla="*/ 121444 w 154495"/>
              <a:gd name="connsiteY12" fmla="*/ 390673 h 423049"/>
              <a:gd name="connsiteX13" fmla="*/ 121444 w 154495"/>
              <a:gd name="connsiteY13" fmla="*/ 277399 h 423049"/>
              <a:gd name="connsiteX14" fmla="*/ 154496 w 154495"/>
              <a:gd name="connsiteY14" fmla="*/ 245022 h 423049"/>
              <a:gd name="connsiteX15" fmla="*/ 154210 w 154495"/>
              <a:gd name="connsiteY15" fmla="*/ 159087 h 4230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154495" h="423049">
                <a:moveTo>
                  <a:pt x="154115" y="159087"/>
                </a:moveTo>
                <a:cubicBezTo>
                  <a:pt x="154115" y="128016"/>
                  <a:pt x="134969" y="107302"/>
                  <a:pt x="107537" y="98811"/>
                </a:cubicBezTo>
                <a:cubicBezTo>
                  <a:pt x="122301" y="89107"/>
                  <a:pt x="132112" y="72685"/>
                  <a:pt x="132112" y="53931"/>
                </a:cubicBezTo>
                <a:cubicBezTo>
                  <a:pt x="132112" y="24166"/>
                  <a:pt x="107442" y="0"/>
                  <a:pt x="77057" y="0"/>
                </a:cubicBezTo>
                <a:cubicBezTo>
                  <a:pt x="46673" y="0"/>
                  <a:pt x="22003" y="24166"/>
                  <a:pt x="22003" y="53931"/>
                </a:cubicBezTo>
                <a:cubicBezTo>
                  <a:pt x="22003" y="72685"/>
                  <a:pt x="31718" y="89201"/>
                  <a:pt x="46577" y="98811"/>
                </a:cubicBezTo>
                <a:cubicBezTo>
                  <a:pt x="19145" y="107302"/>
                  <a:pt x="0" y="128016"/>
                  <a:pt x="0" y="159087"/>
                </a:cubicBezTo>
                <a:lnTo>
                  <a:pt x="286" y="245022"/>
                </a:lnTo>
                <a:cubicBezTo>
                  <a:pt x="286" y="262937"/>
                  <a:pt x="15049" y="277399"/>
                  <a:pt x="33338" y="277399"/>
                </a:cubicBezTo>
                <a:lnTo>
                  <a:pt x="33338" y="390673"/>
                </a:lnTo>
                <a:cubicBezTo>
                  <a:pt x="33338" y="408588"/>
                  <a:pt x="48101" y="423050"/>
                  <a:pt x="66389" y="423050"/>
                </a:cubicBezTo>
                <a:lnTo>
                  <a:pt x="88392" y="423050"/>
                </a:lnTo>
                <a:cubicBezTo>
                  <a:pt x="106680" y="423050"/>
                  <a:pt x="121444" y="408588"/>
                  <a:pt x="121444" y="390673"/>
                </a:cubicBezTo>
                <a:lnTo>
                  <a:pt x="121444" y="277399"/>
                </a:lnTo>
                <a:cubicBezTo>
                  <a:pt x="139732" y="277399"/>
                  <a:pt x="154496" y="262937"/>
                  <a:pt x="154496" y="245022"/>
                </a:cubicBezTo>
                <a:cubicBezTo>
                  <a:pt x="154496" y="243622"/>
                  <a:pt x="154210" y="159087"/>
                  <a:pt x="154210" y="159087"/>
                </a:cubicBezTo>
                <a:close/>
              </a:path>
            </a:pathLst>
          </a:custGeom>
          <a:solidFill>
            <a:srgbClr val="3EA3DC"/>
          </a:solidFill>
          <a:ln w="32385" cap="rnd">
            <a:noFill/>
            <a:prstDash val="solid"/>
            <a:round/>
          </a:ln>
        </p:spPr>
        <p:txBody>
          <a:bodyPr rtlCol="0" anchor="ctr"/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3200" b="1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40" name="Textfeld 39">
            <a:extLst>
              <a:ext uri="{FF2B5EF4-FFF2-40B4-BE49-F238E27FC236}">
                <a16:creationId xmlns:a16="http://schemas.microsoft.com/office/drawing/2014/main" id="{F78A24CA-D421-A8A4-C3D5-8541BFCBF957}"/>
              </a:ext>
            </a:extLst>
          </p:cNvPr>
          <p:cNvSpPr txBox="1"/>
          <p:nvPr/>
        </p:nvSpPr>
        <p:spPr>
          <a:xfrm>
            <a:off x="167850" y="3091259"/>
            <a:ext cx="2213849" cy="525886"/>
          </a:xfrm>
          <a:prstGeom prst="rect">
            <a:avLst/>
          </a:prstGeom>
          <a:noFill/>
          <a:ln>
            <a:solidFill>
              <a:srgbClr val="5A5A5A"/>
            </a:solidFill>
          </a:ln>
        </p:spPr>
        <p:txBody>
          <a:bodyPr wrap="none" lIns="108000" tIns="108000" rIns="108000" bIns="108000" rtlCol="0" anchor="ctr" anchorCtr="0"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2000" b="1" i="0" u="none" strike="noStrike" kern="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1,4</a:t>
            </a:r>
            <a:r>
              <a:rPr kumimoji="0" lang="de-DE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% </a:t>
            </a:r>
            <a:r>
              <a:rPr kumimoji="0" lang="de-DE" sz="20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/>
                <a:ea typeface="+mn-ea"/>
                <a:cs typeface="Arial" panose="020B0604020202020204" pitchFamily="34" charset="0"/>
              </a:rPr>
              <a:t>Hochschule</a:t>
            </a:r>
          </a:p>
        </p:txBody>
      </p:sp>
    </p:spTree>
    <p:extLst>
      <p:ext uri="{BB962C8B-B14F-4D97-AF65-F5344CB8AC3E}">
        <p14:creationId xmlns:p14="http://schemas.microsoft.com/office/powerpoint/2010/main" val="32297808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" grpId="0" animBg="1"/>
      <p:bldP spid="23" grpId="0" animBg="1"/>
      <p:bldP spid="22" grpId="0"/>
      <p:bldP spid="19" grpId="0" animBg="1"/>
      <p:bldP spid="25" grpId="0" animBg="1"/>
      <p:bldP spid="26" grpId="0" animBg="1"/>
      <p:bldP spid="29" grpId="0" animBg="1"/>
      <p:bldP spid="30" grpId="0" animBg="1"/>
      <p:bldP spid="32" grpId="0" animBg="1"/>
      <p:bldP spid="33" grpId="0" animBg="1"/>
      <p:bldP spid="35" grpId="0" animBg="1"/>
      <p:bldP spid="36" grpId="0" animBg="1"/>
      <p:bldP spid="38" grpId="0" animBg="1"/>
      <p:bldP spid="40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hteck 4">
            <a:extLst>
              <a:ext uri="{FF2B5EF4-FFF2-40B4-BE49-F238E27FC236}">
                <a16:creationId xmlns:a16="http://schemas.microsoft.com/office/drawing/2014/main" id="{3A9A54FC-E7E3-DC41-8EC2-0C9DB1F323CB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9144000" cy="5143500"/>
          </a:xfrm>
          <a:prstGeom prst="rect">
            <a:avLst/>
          </a:prstGeom>
          <a:gradFill>
            <a:gsLst>
              <a:gs pos="0">
                <a:srgbClr val="DDE0E6"/>
              </a:gs>
              <a:gs pos="100000">
                <a:srgbClr val="DDE0E6"/>
              </a:gs>
              <a:gs pos="31000">
                <a:schemeClr val="bg1"/>
              </a:gs>
            </a:gsLst>
            <a:lin ang="5400000" scaled="0"/>
          </a:gradFill>
          <a:ln>
            <a:noFill/>
          </a:ln>
        </p:spPr>
        <p:txBody>
          <a:bodyPr lIns="90488" tIns="44450" rIns="90488" bIns="44450" anchor="ctr"/>
          <a:lstStyle>
            <a:lvl1pPr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1pPr>
            <a:lvl2pPr marL="742950" indent="-28575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2pPr>
            <a:lvl3pPr marL="11430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3pPr>
            <a:lvl4pPr marL="16002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4pPr>
            <a:lvl5pPr marL="2057400" indent="-228600"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DE0000"/>
                </a:solidFill>
                <a:latin typeface="AMS" panose="020B0604020202020204" pitchFamily="34" charset="0"/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altLang="de-DE" sz="3200" b="0" i="0" u="none" strike="noStrike" kern="1200" cap="none" spc="0" normalizeH="0" baseline="0" noProof="0">
              <a:ln>
                <a:noFill/>
              </a:ln>
              <a:solidFill>
                <a:srgbClr val="DE0000"/>
              </a:solidFill>
              <a:effectLst/>
              <a:uLnTx/>
              <a:uFillTx/>
              <a:latin typeface="AMS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6" name="Parallelogramm 6">
            <a:extLst>
              <a:ext uri="{FF2B5EF4-FFF2-40B4-BE49-F238E27FC236}">
                <a16:creationId xmlns:a16="http://schemas.microsoft.com/office/drawing/2014/main" id="{38F46214-B32E-1E40-8EB0-EF5C3317A46A}"/>
              </a:ext>
            </a:extLst>
          </p:cNvPr>
          <p:cNvSpPr>
            <a:spLocks/>
          </p:cNvSpPr>
          <p:nvPr/>
        </p:nvSpPr>
        <p:spPr bwMode="auto">
          <a:xfrm rot="10800000" flipH="1">
            <a:off x="-3175" y="-7938"/>
            <a:ext cx="3765550" cy="5151438"/>
          </a:xfrm>
          <a:custGeom>
            <a:avLst/>
            <a:gdLst>
              <a:gd name="T0" fmla="*/ 0 w 3765233"/>
              <a:gd name="T1" fmla="*/ 5153982 h 5151120"/>
              <a:gd name="T2" fmla="*/ 10487 w 3765233"/>
              <a:gd name="T3" fmla="*/ 0 h 5151120"/>
              <a:gd name="T4" fmla="*/ 1223937 w 3765233"/>
              <a:gd name="T5" fmla="*/ 0 h 5151120"/>
              <a:gd name="T6" fmla="*/ 3768086 w 3765233"/>
              <a:gd name="T7" fmla="*/ 5153982 h 5151120"/>
              <a:gd name="T8" fmla="*/ 0 w 3765233"/>
              <a:gd name="T9" fmla="*/ 5153982 h 5151120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0" t="0" r="r" b="b"/>
            <a:pathLst>
              <a:path w="3765233" h="5151120">
                <a:moveTo>
                  <a:pt x="0" y="5151120"/>
                </a:moveTo>
                <a:cubicBezTo>
                  <a:pt x="6033" y="3436620"/>
                  <a:pt x="4445" y="1714500"/>
                  <a:pt x="10478" y="0"/>
                </a:cubicBezTo>
                <a:lnTo>
                  <a:pt x="1223010" y="0"/>
                </a:lnTo>
                <a:lnTo>
                  <a:pt x="3765233" y="5151120"/>
                </a:lnTo>
                <a:lnTo>
                  <a:pt x="0" y="5151120"/>
                </a:lnTo>
                <a:close/>
              </a:path>
            </a:pathLst>
          </a:custGeom>
          <a:gradFill rotWithShape="0">
            <a:gsLst>
              <a:gs pos="0">
                <a:schemeClr val="bg1"/>
              </a:gs>
              <a:gs pos="83000">
                <a:srgbClr val="DDE0E6"/>
              </a:gs>
            </a:gsLst>
            <a:lin ang="9000000"/>
          </a:gradFill>
          <a:ln>
            <a:noFill/>
          </a:ln>
        </p:spPr>
        <p:txBody>
          <a:bodyPr lIns="90488" tIns="44450" rIns="90488" bIns="44450" anchor="ctr"/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18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7" name="Parallelogramm 6">
            <a:extLst>
              <a:ext uri="{FF2B5EF4-FFF2-40B4-BE49-F238E27FC236}">
                <a16:creationId xmlns:a16="http://schemas.microsoft.com/office/drawing/2014/main" id="{04DA03FC-FC7F-9646-9E10-0A955B6CB721}"/>
              </a:ext>
            </a:extLst>
          </p:cNvPr>
          <p:cNvSpPr>
            <a:spLocks/>
          </p:cNvSpPr>
          <p:nvPr/>
        </p:nvSpPr>
        <p:spPr bwMode="auto">
          <a:xfrm flipH="1">
            <a:off x="5378450" y="0"/>
            <a:ext cx="3765550" cy="5151438"/>
          </a:xfrm>
          <a:custGeom>
            <a:avLst/>
            <a:gdLst>
              <a:gd name="T0" fmla="*/ 0 w 3765233"/>
              <a:gd name="T1" fmla="*/ 5153982 h 5151120"/>
              <a:gd name="T2" fmla="*/ 10487 w 3765233"/>
              <a:gd name="T3" fmla="*/ 0 h 5151120"/>
              <a:gd name="T4" fmla="*/ 1223937 w 3765233"/>
              <a:gd name="T5" fmla="*/ 0 h 5151120"/>
              <a:gd name="T6" fmla="*/ 3768086 w 3765233"/>
              <a:gd name="T7" fmla="*/ 5153982 h 5151120"/>
              <a:gd name="T8" fmla="*/ 0 w 3765233"/>
              <a:gd name="T9" fmla="*/ 5153982 h 5151120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0" t="0" r="r" b="b"/>
            <a:pathLst>
              <a:path w="3765233" h="5151120">
                <a:moveTo>
                  <a:pt x="0" y="5151120"/>
                </a:moveTo>
                <a:cubicBezTo>
                  <a:pt x="6033" y="3436620"/>
                  <a:pt x="4445" y="1714500"/>
                  <a:pt x="10478" y="0"/>
                </a:cubicBezTo>
                <a:lnTo>
                  <a:pt x="1223010" y="0"/>
                </a:lnTo>
                <a:lnTo>
                  <a:pt x="3765233" y="5151120"/>
                </a:lnTo>
                <a:lnTo>
                  <a:pt x="0" y="5151120"/>
                </a:lnTo>
                <a:close/>
              </a:path>
            </a:pathLst>
          </a:custGeom>
          <a:gradFill rotWithShape="0">
            <a:gsLst>
              <a:gs pos="100000">
                <a:schemeClr val="bg1"/>
              </a:gs>
              <a:gs pos="0">
                <a:srgbClr val="DDE0E6"/>
              </a:gs>
            </a:gsLst>
            <a:lin ang="0" scaled="0"/>
          </a:gradFill>
          <a:ln>
            <a:noFill/>
          </a:ln>
        </p:spPr>
        <p:txBody>
          <a:bodyPr lIns="90488" tIns="44450" rIns="90488" bIns="44450" anchor="ctr"/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de-DE" sz="18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Arial" panose="020B0604020202020204" pitchFamily="34" charset="0"/>
            </a:endParaRPr>
          </a:p>
        </p:txBody>
      </p:sp>
      <p:sp>
        <p:nvSpPr>
          <p:cNvPr id="5122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0" y="3147814"/>
            <a:ext cx="9144000" cy="592137"/>
          </a:xfrm>
        </p:spPr>
        <p:txBody>
          <a:bodyPr>
            <a:noAutofit/>
          </a:bodyPr>
          <a:lstStyle/>
          <a:p>
            <a:pPr algn="ctr" eaLnBrk="1" hangingPunct="1">
              <a:defRPr/>
            </a:pPr>
            <a:r>
              <a:rPr lang="de-AT" sz="4400" dirty="0" smtClean="0">
                <a:cs typeface="Arial" panose="020B0604020202020204" pitchFamily="34" charset="0"/>
              </a:rPr>
              <a:t>Trends und Prognosen</a:t>
            </a:r>
            <a:endParaRPr lang="de-DE" altLang="de-DE" sz="4400" b="1" dirty="0">
              <a:cs typeface="Arial" panose="020B0604020202020204" pitchFamily="34" charset="0"/>
            </a:endParaRPr>
          </a:p>
        </p:txBody>
      </p:sp>
      <p:pic>
        <p:nvPicPr>
          <p:cNvPr id="4" name="Grafik 12">
            <a:extLst>
              <a:ext uri="{FF2B5EF4-FFF2-40B4-BE49-F238E27FC236}">
                <a16:creationId xmlns:a16="http://schemas.microsoft.com/office/drawing/2014/main" id="{8956631F-E9B6-9040-862D-4D1294D72F61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11525" y="1338263"/>
            <a:ext cx="2520950" cy="1177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2839852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2_PowerPoint Vorlage_weißer Bogen">
  <a:themeElements>
    <a:clrScheme name="1_Benutzerdefiniertes 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Benutzerdefiniertes Design">
      <a:majorFont>
        <a:latin typeface="AMS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bg1"/>
              </a:solidFill>
            </a14:hiddenFill>
          </a:ext>
          <a:ext uri="{91240B29-F687-4F45-9708-019B960494DF}">
            <a14:hiddenLine xmlns:a14="http://schemas.microsoft.com/office/drawing/2010/main" w="1270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0488" tIns="44450" rIns="90488" bIns="44450" numCol="1" anchor="ctr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de-AT" altLang="de-DE" sz="3200" b="1" i="0" u="none" strike="noStrike" cap="none" normalizeH="0" baseline="0" smtClean="0">
            <a:ln>
              <a:noFill/>
            </a:ln>
            <a:solidFill>
              <a:srgbClr val="DE0000"/>
            </a:solidFill>
            <a:effectLst/>
            <a:latin typeface="AMS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bg1"/>
              </a:solidFill>
            </a14:hiddenFill>
          </a:ext>
          <a:ext uri="{91240B29-F687-4F45-9708-019B960494DF}">
            <a14:hiddenLine xmlns:a14="http://schemas.microsoft.com/office/drawing/2010/main" w="1270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0488" tIns="44450" rIns="90488" bIns="44450" numCol="1" anchor="ctr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de-AT" altLang="de-DE" sz="3200" b="1" i="0" u="none" strike="noStrike" cap="none" normalizeH="0" baseline="0" smtClean="0">
            <a:ln>
              <a:noFill/>
            </a:ln>
            <a:solidFill>
              <a:srgbClr val="DE0000"/>
            </a:solidFill>
            <a:effectLst/>
            <a:latin typeface="AMS" pitchFamily="34" charset="0"/>
          </a:defRPr>
        </a:defPPr>
      </a:lstStyle>
    </a:lnDef>
  </a:objectDefaults>
  <a:extraClrSchemeLst>
    <a:extraClrScheme>
      <a:clrScheme name="1_Benutzerdefiniertes 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:thm15="http://schemas.microsoft.com/office/thememl/2012/main" name="AMS_PPT_Vorlage_16zu9.potx" id="{1CB37C97-A1E9-474E-A20C-45B1207AE91F}" vid="{FA44939A-6132-4526-ABEC-708AFBEA0811}"/>
    </a:ext>
  </a:extLst>
</a:theme>
</file>

<file path=ppt/theme/theme2.xml><?xml version="1.0" encoding="utf-8"?>
<a:theme xmlns:a="http://schemas.openxmlformats.org/drawingml/2006/main" name="3_PowerPoint Vorlage_weißer Bogen">
  <a:themeElements>
    <a:clrScheme name="1_Benutzerdefiniertes 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Benutzerdefiniertes Design">
      <a:majorFont>
        <a:latin typeface="AMS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bg1"/>
              </a:solidFill>
            </a14:hiddenFill>
          </a:ext>
          <a:ext uri="{91240B29-F687-4F45-9708-019B960494DF}">
            <a14:hiddenLine xmlns:a14="http://schemas.microsoft.com/office/drawing/2010/main" w="1270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0488" tIns="44450" rIns="90488" bIns="44450" numCol="1" anchor="ctr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de-AT" altLang="de-DE" sz="3200" b="1" i="0" u="none" strike="noStrike" cap="none" normalizeH="0" baseline="0" smtClean="0">
            <a:ln>
              <a:noFill/>
            </a:ln>
            <a:solidFill>
              <a:srgbClr val="DE0000"/>
            </a:solidFill>
            <a:effectLst/>
            <a:latin typeface="AMS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bg1"/>
              </a:solidFill>
            </a14:hiddenFill>
          </a:ext>
          <a:ext uri="{91240B29-F687-4F45-9708-019B960494DF}">
            <a14:hiddenLine xmlns:a14="http://schemas.microsoft.com/office/drawing/2010/main" w="1270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0488" tIns="44450" rIns="90488" bIns="44450" numCol="1" anchor="ctr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de-AT" altLang="de-DE" sz="3200" b="1" i="0" u="none" strike="noStrike" cap="none" normalizeH="0" baseline="0" smtClean="0">
            <a:ln>
              <a:noFill/>
            </a:ln>
            <a:solidFill>
              <a:srgbClr val="DE0000"/>
            </a:solidFill>
            <a:effectLst/>
            <a:latin typeface="AMS" pitchFamily="34" charset="0"/>
          </a:defRPr>
        </a:defPPr>
      </a:lstStyle>
    </a:lnDef>
  </a:objectDefaults>
  <a:extraClrSchemeLst>
    <a:extraClrScheme>
      <a:clrScheme name="1_Benutzerdefiniertes 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3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txDef>
      <a:spPr bwMode="auto"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a:spPr>
      <a:bodyPr lIns="0" tIns="0" rIns="0" bIns="0"/>
      <a:lstStyle>
        <a:defPPr eaLnBrk="1" hangingPunct="1">
          <a:lnSpc>
            <a:spcPts val="7200"/>
          </a:lnSpc>
          <a:spcBef>
            <a:spcPct val="0"/>
          </a:spcBef>
          <a:buFontTx/>
          <a:buNone/>
          <a:defRPr sz="7200" b="1" spc="-100" dirty="0" smtClean="0">
            <a:solidFill>
              <a:schemeClr val="bg1"/>
            </a:solidFill>
            <a:latin typeface="AMS" pitchFamily="34" charset="0"/>
          </a:defRPr>
        </a:defPPr>
      </a:lstStyle>
    </a:txDef>
  </a:objectDefaults>
  <a:extraClrSchemeLst/>
</a:theme>
</file>

<file path=ppt/theme/theme4.xml><?xml version="1.0" encoding="utf-8"?>
<a:theme xmlns:a="http://schemas.openxmlformats.org/drawingml/2006/main" name="PowerPoint Vorlage_weißer Bogen">
  <a:themeElements>
    <a:clrScheme name="1_Benutzerdefiniertes 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Benutzerdefiniertes Design">
      <a:majorFont>
        <a:latin typeface="AMS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bg1"/>
              </a:solidFill>
            </a14:hiddenFill>
          </a:ext>
          <a:ext uri="{91240B29-F687-4F45-9708-019B960494DF}">
            <a14:hiddenLine xmlns:a14="http://schemas.microsoft.com/office/drawing/2010/main" w="1270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0488" tIns="44450" rIns="90488" bIns="44450" numCol="1" anchor="ctr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de-AT" altLang="de-DE" sz="3200" b="1" i="0" u="none" strike="noStrike" cap="none" normalizeH="0" baseline="0" smtClean="0">
            <a:ln>
              <a:noFill/>
            </a:ln>
            <a:solidFill>
              <a:srgbClr val="DE0000"/>
            </a:solidFill>
            <a:effectLst/>
            <a:latin typeface="AMS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bg1"/>
              </a:solidFill>
            </a14:hiddenFill>
          </a:ext>
          <a:ext uri="{91240B29-F687-4F45-9708-019B960494DF}">
            <a14:hiddenLine xmlns:a14="http://schemas.microsoft.com/office/drawing/2010/main" w="1270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0488" tIns="44450" rIns="90488" bIns="44450" numCol="1" anchor="ctr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de-AT" altLang="de-DE" sz="3200" b="1" i="0" u="none" strike="noStrike" cap="none" normalizeH="0" baseline="0" smtClean="0">
            <a:ln>
              <a:noFill/>
            </a:ln>
            <a:solidFill>
              <a:srgbClr val="DE0000"/>
            </a:solidFill>
            <a:effectLst/>
            <a:latin typeface="AMS" pitchFamily="34" charset="0"/>
          </a:defRPr>
        </a:defPPr>
      </a:lstStyle>
    </a:lnDef>
  </a:objectDefaults>
  <a:extraClrSchemeLst>
    <a:extraClrScheme>
      <a:clrScheme name="1_Benutzerdefiniertes 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Benutzerdefiniertes 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Benutzerdefiniertes 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5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6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879</Words>
  <Application>Microsoft Office PowerPoint</Application>
  <PresentationFormat>Bildschirmpräsentation (16:9)</PresentationFormat>
  <Paragraphs>230</Paragraphs>
  <Slides>22</Slides>
  <Notes>10</Notes>
  <HiddenSlides>0</HiddenSlides>
  <MMClips>0</MMClips>
  <ScaleCrop>false</ScaleCrop>
  <HeadingPairs>
    <vt:vector size="6" baseType="variant">
      <vt:variant>
        <vt:lpstr>Verwendete Schriftarten</vt:lpstr>
      </vt:variant>
      <vt:variant>
        <vt:i4>5</vt:i4>
      </vt:variant>
      <vt:variant>
        <vt:lpstr>Design</vt:lpstr>
      </vt:variant>
      <vt:variant>
        <vt:i4>4</vt:i4>
      </vt:variant>
      <vt:variant>
        <vt:lpstr>Folientitel</vt:lpstr>
      </vt:variant>
      <vt:variant>
        <vt:i4>22</vt:i4>
      </vt:variant>
    </vt:vector>
  </HeadingPairs>
  <TitlesOfParts>
    <vt:vector size="31" baseType="lpstr">
      <vt:lpstr>AMS</vt:lpstr>
      <vt:lpstr>Arial</vt:lpstr>
      <vt:lpstr>Calibri</vt:lpstr>
      <vt:lpstr>Systemschrift Normal</vt:lpstr>
      <vt:lpstr>Wingdings</vt:lpstr>
      <vt:lpstr>2_PowerPoint Vorlage_weißer Bogen</vt:lpstr>
      <vt:lpstr>3_PowerPoint Vorlage_weißer Bogen</vt:lpstr>
      <vt:lpstr>Larissa</vt:lpstr>
      <vt:lpstr>PowerPoint Vorlage_weißer Bogen</vt:lpstr>
      <vt:lpstr>PowerPoint-Präsentation</vt:lpstr>
      <vt:lpstr>PowerPoint-Präsentation</vt:lpstr>
      <vt:lpstr>Basiszahlen April 2024</vt:lpstr>
      <vt:lpstr>PowerPoint-Präsentation</vt:lpstr>
      <vt:lpstr>Arbeitslosenquoten  Österreich – April 2024</vt:lpstr>
      <vt:lpstr>PowerPoint-Präsentation</vt:lpstr>
      <vt:lpstr>Langzeitbeschäftigungslosigkeit (OÖ – 2008-April 2024)</vt:lpstr>
      <vt:lpstr>PowerPoint-Präsentation</vt:lpstr>
      <vt:lpstr>Trends und Prognosen</vt:lpstr>
      <vt:lpstr>Zentrale Indikatoren 2015–2022 (OÖ)</vt:lpstr>
      <vt:lpstr>Demografie Bevölkerungsentwicklung bis 2050 </vt:lpstr>
      <vt:lpstr>Arbeitsvolumen (Öst. – 1995-2023)</vt:lpstr>
      <vt:lpstr>Teilzeitquote: Im europäischen Spitzenfeld</vt:lpstr>
      <vt:lpstr>Auswirkung der Teilzeit auf die Pension</vt:lpstr>
      <vt:lpstr>Neuzugänge in Alterspension  Oberösterreich – 2021/2023</vt:lpstr>
      <vt:lpstr>PowerPoint-Präsentation</vt:lpstr>
      <vt:lpstr>PowerPoint-Präsentation</vt:lpstr>
      <vt:lpstr>PowerPoint-Präsentation</vt:lpstr>
      <vt:lpstr>PowerPoint-Präsentation</vt:lpstr>
      <vt:lpstr>PowerPoint-Präsentation</vt:lpstr>
      <vt:lpstr>PowerPoint-Präsentation</vt:lpstr>
      <vt:lpstr>PowerPoint-Präsentation</vt:lpstr>
    </vt:vector>
  </TitlesOfParts>
  <Company>Arbeitsmarktservice Österreich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-Präsentation</dc:title>
  <dc:creator>Walter Kofler</dc:creator>
  <cp:lastModifiedBy>Markus Litzlbauer</cp:lastModifiedBy>
  <cp:revision>664</cp:revision>
  <cp:lastPrinted>2024-05-10T06:04:38Z</cp:lastPrinted>
  <dcterms:created xsi:type="dcterms:W3CDTF">2018-08-27T09:03:41Z</dcterms:created>
  <dcterms:modified xsi:type="dcterms:W3CDTF">2024-05-13T13:33:31Z</dcterms:modified>
</cp:coreProperties>
</file>